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codeName="{51196F13-6AD0-C1B8-E2B4-A1F9AE17003E}"/>
  <workbookPr codeName="ThisWorkbook" defaultThemeVersion="164011"/>
  <mc:AlternateContent xmlns:mc="http://schemas.openxmlformats.org/markup-compatibility/2006">
    <mc:Choice Requires="x15">
      <x15ac:absPath xmlns:x15ac="http://schemas.microsoft.com/office/spreadsheetml/2010/11/ac" url="C:\Users\ELOMY001\Desktop\Disney\s52\"/>
    </mc:Choice>
  </mc:AlternateContent>
  <bookViews>
    <workbookView xWindow="0" yWindow="0" windowWidth="14370" windowHeight="6165" activeTab="1"/>
  </bookViews>
  <sheets>
    <sheet name="Disney Channel" sheetId="1" r:id="rId1"/>
    <sheet name="Disney Junior" sheetId="2" r:id="rId2"/>
  </sheets>
  <calcPr calcId="162913"/>
</workbook>
</file>

<file path=xl/sharedStrings.xml><?xml version="1.0" encoding="utf-8"?>
<sst xmlns="http://schemas.openxmlformats.org/spreadsheetml/2006/main" count="13371" uniqueCount="1566">
  <si>
    <t>Channel</t>
  </si>
  <si>
    <t>TX Date</t>
  </si>
  <si>
    <t>Day</t>
  </si>
  <si>
    <t>TX Time</t>
  </si>
  <si>
    <t>Series Title</t>
  </si>
  <si>
    <t>Episode Title</t>
  </si>
  <si>
    <t>Episode No</t>
  </si>
  <si>
    <t>Season</t>
  </si>
  <si>
    <t>Cast Info</t>
  </si>
  <si>
    <t>Synopsis</t>
  </si>
  <si>
    <t>Programme Type</t>
  </si>
  <si>
    <t>Genre</t>
  </si>
  <si>
    <t>Production Country</t>
  </si>
  <si>
    <t>Production Year</t>
  </si>
  <si>
    <t>Duration</t>
  </si>
  <si>
    <t>IDSubtitle</t>
  </si>
  <si>
    <t>Sound</t>
  </si>
  <si>
    <t>Programme Format</t>
  </si>
  <si>
    <t>TX ID</t>
  </si>
  <si>
    <t>Inedit</t>
  </si>
  <si>
    <t>LSF</t>
  </si>
  <si>
    <t>Audio Described</t>
  </si>
  <si>
    <t>DCFR</t>
  </si>
  <si>
    <t>19/12/2020</t>
  </si>
  <si>
    <t>samedi</t>
  </si>
  <si>
    <t>06:00:00</t>
  </si>
  <si>
    <t>LOLIROCK</t>
  </si>
  <si>
    <t>Une poupée singulière</t>
  </si>
  <si>
    <t>35</t>
  </si>
  <si>
    <t>2</t>
  </si>
  <si>
    <t>Réalisateur: Jean-Louis Vandestoc, Interprète: Cassandre BergetRéalisateur: Jean-Louis Vandestoc, Interprète: Cassandre Berget</t>
  </si>
  <si>
    <t>Méphisto jette un sort censé limiter les pouvoirs d’Iris, mais il touche Lyna à la place, qui semble se volatiliser ! En réalité, elle a simplement rétréci pour atteindre la taille d’une poupée, et une petite fille l’a emportée, la prenant précisément pour une poupée. Le pendentif d’Iris se met à briller, et cette dernière accepte de veiller sur la petite fille pour que son grand frère puisse se rendre à un rendez-vous. Chez la petite fille, Lyna navigue dans un monde qui lui semble désormais immense.</t>
  </si>
  <si>
    <t>Série</t>
  </si>
  <si>
    <t>Animation</t>
  </si>
  <si>
    <t>France</t>
  </si>
  <si>
    <t>2015</t>
  </si>
  <si>
    <t>22min</t>
  </si>
  <si>
    <t/>
  </si>
  <si>
    <t>HD</t>
  </si>
  <si>
    <t>FR26508-HDTX</t>
  </si>
  <si>
    <t>06:25:00</t>
  </si>
  <si>
    <t>Multi-Amaru</t>
  </si>
  <si>
    <t>36</t>
  </si>
  <si>
    <t>Carissa ne tient pas compte des instructions de Talia et tente de lancer un sort de multiplication qu’elle ne maîtrise pas : elle transforme accidentellement Amaru en trois Amarus dotés de personnalités très différentes : un agressif, un affamé et un peureux. Ils s’échappent tous les trois de la maison, or à moins de les retrouver et de les re-fusionner, ils risquent à eux trois d’épuiser l’énergie d’Amaru, qui finira par disparaître !</t>
  </si>
  <si>
    <t>FR26509-HDTX</t>
  </si>
  <si>
    <t>07:00:00</t>
  </si>
  <si>
    <t>MIRACULOUS, LES AVENTURES DE LADYBUG ET CHAT NOIR</t>
  </si>
  <si>
    <t>Animaestro</t>
  </si>
  <si>
    <t>54</t>
  </si>
  <si>
    <t>3</t>
  </si>
  <si>
    <t>Réalisateur: Thomas AstrucRéalisateur: Thomas Astruc</t>
  </si>
  <si>
    <t>Les parents de Marinette assurent le buffet pour l’avant-première du film Ladybug et Chat Noir, à laquelle le Tout-Paris est invité… y compris Adrien ! Marinette décide de s’y rendre en prétextant aider ses parents, bien décidée à profiter de l’événement pour offrir un macaron spécial à Adrien et lui montrer combien il compte pour elle. Mais sur place, personne ne reconnaît le réalisateur du film, qui se fait traiter comme un parfait inconnu et finit par perdre patience.</t>
  </si>
  <si>
    <t>2018</t>
  </si>
  <si>
    <t>21min</t>
  </si>
  <si>
    <t>Version sous-titrée sourds et malentendants</t>
  </si>
  <si>
    <t>FR76941-HDTX</t>
  </si>
  <si>
    <t>07:25:00</t>
  </si>
  <si>
    <t>Boulangerix</t>
  </si>
  <si>
    <t>55</t>
  </si>
  <si>
    <t>Aujourd’hui, c’est l’anniversaire de Tom, le papa de Marinette. Sabine invite le père de Tom, Roland, à venir fêter l’événement avec eux, mais Roland refuse : cela fait 20 ans qu’il n’est pas sorti de chez lui, et il ne veut pas que cela change. Pour faire plaisir à son père, Marinette décide d’aller rencontrer son grand-père pour le persuader de se joindre à eux. Mais une fois sur place, Marinette n’ose pas se présenter, intimidée par le vieil homme bougon et têtu, et finit par lui mentir sur son identité.</t>
  </si>
  <si>
    <t>FR84347-HDTX</t>
  </si>
  <si>
    <t>07:55:00</t>
  </si>
  <si>
    <t>LUZ À OSVILLE</t>
  </si>
  <si>
    <t>Jeux de langages</t>
  </si>
  <si>
    <t>7</t>
  </si>
  <si>
    <t>1</t>
  </si>
  <si>
    <t>Pendant une visite à la bibliothèque, une blague de Luz se retourne contre une amie.</t>
  </si>
  <si>
    <t>États-Unis</t>
  </si>
  <si>
    <t>FR80370-HDTX</t>
  </si>
  <si>
    <t>08:25:00</t>
  </si>
  <si>
    <t>ELENA D'AVALOR</t>
  </si>
  <si>
    <t>L'attrape-rêve</t>
  </si>
  <si>
    <t>62</t>
  </si>
  <si>
    <t>Quand les rêves d'Elena prennent vie comme par magie, elle doit faire face à des sentiments enfouis qui en sont à l'origine.</t>
  </si>
  <si>
    <t>2019</t>
  </si>
  <si>
    <t>FR71260-HDTX</t>
  </si>
  <si>
    <t>08:50:00</t>
  </si>
  <si>
    <t>La relève de la Garde</t>
  </si>
  <si>
    <t>63</t>
  </si>
  <si>
    <t>Elena aide sa couturière à devenir la première femme à entrer dans la Garde Royale.</t>
  </si>
  <si>
    <t>FR71261-HDTX</t>
  </si>
  <si>
    <t>09:20:00</t>
  </si>
  <si>
    <t>Jackady</t>
  </si>
  <si>
    <t>20</t>
  </si>
  <si>
    <t>Venu présenter un numéro d’hypnose lors d’un concours de talents à la télévision, Jacques Grimault se fait humilier par Gabriel Agreste, le père d’Adrien. Akumatisé par Le Papillon, il devient Jackady. Armé de son jeu de cartes, il lui suffit de donner un ordre pour se faire obéir de tous. Et le vilain compte bien se servir de son nouveau don pour se venger de Gabriel, hypnotisant tout Paris sur son passage.Ladybug et Chat Noir doivent absolument intervenir, Chat Noir / Adrien pour protéger son père, et Ladybug / Marinette pour sauver le père d’Adrien et Adrien lui-même.</t>
  </si>
  <si>
    <t>Prologic</t>
  </si>
  <si>
    <t>PG19206-TX</t>
  </si>
  <si>
    <t>09:45:00</t>
  </si>
  <si>
    <t>Numeric</t>
  </si>
  <si>
    <t>23</t>
  </si>
  <si>
    <t>Vincent Asa est fan de la rockstar Jagged Stone. Akumatisé par Le Papillon, il devient Numeric et compte capturer l’image de son idole pour toujours. Ladybug et Chat Noir devront faire attention à ne pas se faire flasher !</t>
  </si>
  <si>
    <t>PG19209-TX</t>
  </si>
  <si>
    <t>10:10:00</t>
  </si>
  <si>
    <t>Guitar Vilain</t>
  </si>
  <si>
    <t>21</t>
  </si>
  <si>
    <t>Marinette se voit confier la réalisation de la pochette du dernier album de son idole, la rockstar Jagged Stone ! Bridée par le manager autoritaire de la star, Marinette n’ose pas suivre son intuition et Jagged Stone refuse sa création. Elle décide de recommencer, cette fois-ci à sa façon.Mais entre-temps, Jagged Stone, lassé et humilié par les provocations d’un jeune chanteur orgueilleux nommé Mr XY, se fait akumatiser par Le Papillon.</t>
  </si>
  <si>
    <t>PG19207-TX</t>
  </si>
  <si>
    <t>10:35:00</t>
  </si>
  <si>
    <t>Kung Food</t>
  </si>
  <si>
    <t>14</t>
  </si>
  <si>
    <t>Marinette fait la connaissance de Cheng Sifu, son grand-oncle cuisinier, venu de Chine. Marinette ne parlant pas un mot de chinois, Alya lui suggère de faire appel à Adrien pour l’aider en tant qu’interprète. Ensemble, ils accompagnent Cheng Sifu à un concours de cuisine au Grand Paris, le palace du père de Chloé.Mais après une dispute avec Marinette, Chloé sabote le plat de Cheng Sifu. Ce dernier, humilié, est akumatisé en Kung Food.</t>
  </si>
  <si>
    <t>PG19200-TX</t>
  </si>
  <si>
    <t>11:00:00</t>
  </si>
  <si>
    <t>Le Gamer</t>
  </si>
  <si>
    <t>16</t>
  </si>
  <si>
    <t>Adrien et Max doivent représenter le collège en binôme lors d’un important tournoi de jeux vidéo. Mais Marinette a une autre idée en tête ! Pour pouvoir passer du temps avec Adrien, elle parvient à prendre la place de Max en le battant au jeu lors d’un défi improvisé. Mais ce qu’elle n’avait pas prévu, c’est qu’Adrien devrait venir chez elle pour s’entraîner ! Aussi troublée qu’excitée, Marinette n’aura cependant pas le temps de profiter de ce rendez-vous improvisé car, entre-temps, Max, déçu et humilié, s’est fait akumatiser.</t>
  </si>
  <si>
    <t>PG19202-TX</t>
  </si>
  <si>
    <t>11:50:00</t>
  </si>
  <si>
    <t>SHOOK</t>
  </si>
  <si>
    <t>Mia, 15 ans, veut devenir danseuse professionnelle mais elle a du mal à se concentrer sur sa passion tant sa vie personnelle avec sa petite soeur Skylar et sa mère, infirmière, mère célibataire lui prend du temps.</t>
  </si>
  <si>
    <t>Fiction</t>
  </si>
  <si>
    <t>51min</t>
  </si>
  <si>
    <t>FR85554-HDTX</t>
  </si>
  <si>
    <t>13:00:00</t>
  </si>
  <si>
    <t>Le Hibou Noir</t>
  </si>
  <si>
    <t>39</t>
  </si>
  <si>
    <t>Le proviseur du collège, Monsieur Damoclès, aime se déguiser en Hibou, un super-héros qu’il admire et dont il essaie d’imiter les prouesses. Malheureusement, M. Damoclès n’a pas l’habileté de son héros, et Ladybug et Chat Noir doivent souvent voler à son secours. Au cours d’une de ses missions, Ladybug et Chat Noir, en voulant l’aider, l’humilient involontairement en public.Honteux et furieux, M. Damoclès est akumatisé par le Papillon et devient le Hibou Noir.</t>
  </si>
  <si>
    <t>2016</t>
  </si>
  <si>
    <t>FR32413-HDTX</t>
  </si>
  <si>
    <t>13:25:00</t>
  </si>
  <si>
    <t>Syren</t>
  </si>
  <si>
    <t>40</t>
  </si>
  <si>
    <t>Alors que Kim s’amuse avec son amie Ondine à la piscine, cette dernière tente de lui avouer ses sentiments pour lui. Mais Kim ne comprend pas et abandonne Ondine pour rejoindre ses amis… et Chloé, dont il est amoureux !Ondine est akumatisée par le Papillon et devient Syren. Désormais dotée de nageoires et capable de respirer sous l’eau, Syren inonde Paris de ses larme.Ils vont découvrir que leurs kwamis peuvent leur donner des pouvoirs spéciaux. Ils deviennent alors Aquabug et Aquanoir, des versions aquatiques spéciales de nos héros capables de nager et respirer sous l’eau !</t>
  </si>
  <si>
    <t>FR32414-HDTX</t>
  </si>
  <si>
    <t>14:00:00</t>
  </si>
  <si>
    <t>LA BANDE À PICSOU</t>
  </si>
  <si>
    <t>Louie's Eleven!</t>
  </si>
  <si>
    <t>57</t>
  </si>
  <si>
    <t>Donald et Loulou jouent un tour à Daisy, l'organisatrice, pour que les Trois Caballeros puissent jouer à une fête de grande classe.</t>
  </si>
  <si>
    <t>FR86520-HDTX</t>
  </si>
  <si>
    <t>14:25:00</t>
  </si>
  <si>
    <t>L'arbre à billets du Coffre-fort anti-fin du monde !</t>
  </si>
  <si>
    <t>Réalisateur: Francisco Angones, Réalisateur: Matt YoungbergRéalisateur: Matt Youngberg, Réalisateur: Francisco Angones</t>
  </si>
  <si>
    <t>Fifi tente de prouver sa valeur à sa mère au cours d'une aventure dans une région polaire. Picsou part à leur recherche, mais doit faire équipe avec Gripsou.</t>
  </si>
  <si>
    <t>FR62634-HDTX</t>
  </si>
  <si>
    <t>14:50:00</t>
  </si>
  <si>
    <t>15:00:00</t>
  </si>
  <si>
    <t>PAF LE CHIEN</t>
  </si>
  <si>
    <t>Pompier, bon œil !</t>
  </si>
  <si>
    <t>52</t>
  </si>
  <si>
    <t>Réalisateur: Charles VaucelleRéalisateur: Charles Vaucelle</t>
  </si>
  <si>
    <t>Lola a inscrit Paf à un stage de chien de pompier. Mais pour Victor, il n’y a aucun doute : Tank est taillé pour ce boulot. Au terme d’un petit concours rocambolesque constitué d’exercices pratiques, Lola et Paf obtiennent leur diplôme au nez et à la barbe de Victor. Ce dernier en a après son chien. Et quand la cabane dans laquelle s’est réfugié Tank prend feu, Paf enfile son costume de chien-pompier pour sauver son ennemi juré !</t>
  </si>
  <si>
    <t>2017</t>
  </si>
  <si>
    <t>7min</t>
  </si>
  <si>
    <t>FR66550-HDTX</t>
  </si>
  <si>
    <t>15:15:00</t>
  </si>
  <si>
    <t>Un bon chien</t>
  </si>
  <si>
    <t>53</t>
  </si>
  <si>
    <t>Victor teste sa nouvelle voiture télécommandée en compagnie de Lola dans le parc. Mais bientôt, il perd le contrôle de celle-ci. Voulant l’attraper, Tank finit emporté par l’engin et vient percuter son maître. Victor est fâché ! Non seulement il est blessé mais en plus, il a perdu sa voiture. Tout ça à cause… de Tank. Le molosse s’éloigne la queue entre les jambes. Paf comprend bien vite qu’il s’agit d’un coup des Guanos. Il ne peut pas laisser ainsi même son meilleur ennemi.</t>
  </si>
  <si>
    <t>FR66551-HDTX</t>
  </si>
  <si>
    <t>15:30:00</t>
  </si>
  <si>
    <t>Un jour au musée !</t>
  </si>
  <si>
    <t>Lola et Victor ont reçu des invitations pour l’avant-première d’une exposition sur les espèces disparues au musée. Arrivés là-bas, il se voient confier par le directeur la reproduction de deux œufs de dinosaures. Ils doivent les déposer dans le nid du ptérodactyle. Mais les Guanos, tout à leur fantasme, sont persuadés que ce sont des vrais. Ils vont donc tenter de les dérober afin de pouvoir dominer le monde grâce à ces dinosaures volants. L’entrée étant interdite aux animaux, Paf va devoir faire preuve de ruse pour pénétrer dans le musée et récupérer les œufs sans se faire voir.</t>
  </si>
  <si>
    <t>FR66552-HDTX</t>
  </si>
  <si>
    <t>15:45:00</t>
  </si>
  <si>
    <t>Le Trésor Familial</t>
  </si>
  <si>
    <t>60</t>
  </si>
  <si>
    <t>Elena et Isabel aident deux frères en conflit à trouver un précieux trésor caché par leur mère.</t>
  </si>
  <si>
    <t>FR71258-HDTX</t>
  </si>
  <si>
    <t>16:10:00</t>
  </si>
  <si>
    <t>L'équipe de choc</t>
  </si>
  <si>
    <t>67</t>
  </si>
  <si>
    <t>Elena et ses amis ont été ensorcelés par un voleur magicien. Isabel et ses copains doivent alors prendre les choses en main.</t>
  </si>
  <si>
    <t>FR71265-HDTX</t>
  </si>
  <si>
    <t>16:45:00</t>
  </si>
  <si>
    <t>Le collectionneur</t>
  </si>
  <si>
    <t>27</t>
  </si>
  <si>
    <t>Marinette rencontre Maître Fu. Ce dernier pense que le propriétaire du grimoire est peut-être également le Papillon. Elle finit par découvrir que le véritable propriétaire du grimoire est en réalité Gabriel Agreste, le père d’Adrien. Elle décide alors de se transformer en Ladybug pour mener l’enquête et découvrir si Gabriel est bien le Papillon. Mais lorsqu’elle arrive chez lui, le styliste s’est fait akumatiser.</t>
  </si>
  <si>
    <t>FR32401-HDTX</t>
  </si>
  <si>
    <t>17:10:00</t>
  </si>
  <si>
    <t>Audimatrix</t>
  </si>
  <si>
    <t>28</t>
  </si>
  <si>
    <t>La jounaliste Nadja Chamack invite Lady Bug et Chat Noir sur le plateau de son émission dans le but d'obtenir des révélations intimes sur leur relation. Mais Lady Bug ne se laisse pas faire ! Cela permettra au Papillon d'akumatiser la journaliste, qui deviendra Audimatrix.</t>
  </si>
  <si>
    <t>FR32402-HDTX</t>
  </si>
  <si>
    <t>17:45:00</t>
  </si>
  <si>
    <t>SYDNEY AU MAX</t>
  </si>
  <si>
    <t>Il était une fois Noël</t>
  </si>
  <si>
    <t>22</t>
  </si>
  <si>
    <t>Grâce au souvenir de sa mère et à quelques conseils oubliés depuis longtemps, Sydney redécouvre son amour de Noël pour la première fois après le décès de sa mère.</t>
  </si>
  <si>
    <t>23min</t>
  </si>
  <si>
    <t>FR82693-HDTX</t>
  </si>
  <si>
    <t>Nouveau</t>
  </si>
  <si>
    <t>18:10:00</t>
  </si>
  <si>
    <t>COOP &amp; CAMI</t>
  </si>
  <si>
    <t>Les cadeaux de Noël de Coop et Cami disparaissent.</t>
  </si>
  <si>
    <t>Pour apprendre aux enfants que Noël ne se résume pas à recevoir des cadeaux, maman les leur cache.</t>
  </si>
  <si>
    <t>FR81105-HDTX</t>
  </si>
  <si>
    <t>18:35:00</t>
  </si>
  <si>
    <t>RAVEN</t>
  </si>
  <si>
    <t>La folie de Noël</t>
  </si>
  <si>
    <t>Le clan Baxter-Carter-Grayson est dans l'esprit des fêtes, mais Booker et Nia sont en désaccord sur les nouvelles traditions familiales par rapport aux anciennes. Raven et Garrett se chamaillent dans la cuisine.</t>
  </si>
  <si>
    <t>FR77773-HDTX</t>
  </si>
  <si>
    <t>19:00:00</t>
  </si>
  <si>
    <t>Princesse Fragrance</t>
  </si>
  <si>
    <t>15</t>
  </si>
  <si>
    <t>La journée commence mal pour Marinette : non seulement Tikki est très malade, mais à force de repousser le moment de la faire soigner, notre héroïne finit par la perdre par négligence ! Pendant ce temps, Rose, une élève du collège très romantique, est akumatisée par Le Papillon. Devenue Princesse Fragrance et armée de son flacon de parfum, elle sème une pagaille parfumée dans toute la capitale et enlève l’élu de son cœur, un prince en visite à Paris.Chat Noir s’étant fait envoûter par Princesse Fragrance, c’est à Ladybug d’affronter seule la méchante… et Chat Noir !</t>
  </si>
  <si>
    <t>PG19201-TX</t>
  </si>
  <si>
    <t>19:25:00</t>
  </si>
  <si>
    <t>Le Chevalier Noir</t>
  </si>
  <si>
    <t>12</t>
  </si>
  <si>
    <t>Catastrophe ! En cherchant à ridiculiser Marinette pour l’empêcher d’être élue déléguée de classe, Chloé a mis la main sur son journal intime, dans lequel Marinette raconte tous ses secrets… y compris le fait qu’elle est Ladybug ! Marinette doit absolument le récupérer avant que Chloé ne puisse le lire !Mais avant qu’elle en ait le temps, le professeur d’escrime d’Adrien, battu aux élections municipales, est akumatisé et devient Le Chevalier Noir. Armé de son épée, il transforme les Parisiens en chevaliers pour prendre d’assaut l’Hôtel de Ville et en déloger le Maire Bourgeois.</t>
  </si>
  <si>
    <t>PG19198-TX</t>
  </si>
  <si>
    <t>19:50:00</t>
  </si>
  <si>
    <t>Animan</t>
  </si>
  <si>
    <t>18</t>
  </si>
  <si>
    <t>Alors qu’elle pense passer l’après-midi au zoo avec Nino et Adrien, Marinette se retrouve seule avec Nino. Ce dernier, amoureux d’elle et coaché à distance par Adrien, essaie de lui avouer ses sentiments. Mais, intimidé, il finit par lui dire qu’il aime Alya. Cette dernière coache également Marinette et entend tout. Malgré les réticences de sa meilleure amie, Marinette finit par proposer à Nino un rendez-vous avec Alya !</t>
  </si>
  <si>
    <t>PG19204-TX</t>
  </si>
  <si>
    <t>20:15:00</t>
  </si>
  <si>
    <t>Le Bulleur</t>
  </si>
  <si>
    <t>Réalisateur: Matthieu Choquet, Réalisateur: Thomas AstrucRéalisateur: Thomas Astruc</t>
  </si>
  <si>
    <t>Nino n’a pas réussi à convaincre le père d’Adrien d’organiser une fête pour son ami. Déçu, il est akumatisé par Le Papillon. Devenu Le Bulleur, et armé de son épée à bulles magiques, il se débarrasse des adultes, ces empêcheurs de s’amuser, en les emprisonnant dans des bulles qu’il envoie ensuite dans le ciel. Ladybug doit affronter seule le Bulleur car Chat Noir n'est pas là... Adrien s’étant laissé convaincre de profiter de la fête organisée par le Bulleur en l’absence de son père.</t>
  </si>
  <si>
    <t>PG19188-TX</t>
  </si>
  <si>
    <t>21:00:00</t>
  </si>
  <si>
    <t>GABBY DURAN, BABY-SITTER D’EXTRATERRESTRES</t>
  </si>
  <si>
    <t>Qui est Joey Panther ?</t>
  </si>
  <si>
    <t>Gabby a très envie d'aller au premier bal de promo du collège, mais rien ne se passe comme prévu. Wesley a invité Rhonda.</t>
  </si>
  <si>
    <t>FR77786-HDTX</t>
  </si>
  <si>
    <t>21:25:00</t>
  </si>
  <si>
    <t>Informations mensongères</t>
  </si>
  <si>
    <t>Dina a envisagé de retourner vivre à Miami, donc Gabby et Olivia ont décidé d'embaucher des clients extraterrestres pour faire bouger la ville et permettre à Dina de faire des reportages à sensations.</t>
  </si>
  <si>
    <t>FR77787-HDTX</t>
  </si>
  <si>
    <t>22:00:00</t>
  </si>
  <si>
    <t>22:25:00</t>
  </si>
  <si>
    <t>Une place dans l'équipe</t>
  </si>
  <si>
    <t>Sydney est enthousiaste à l'idée de rejoindre la première équipe d'escrime féminine de l'école, mais elle apprend rapidement que c'est plus que ce qu'elle avait prévu.</t>
  </si>
  <si>
    <t>FR82694-HDTX</t>
  </si>
  <si>
    <t>23:00:00</t>
  </si>
  <si>
    <t>DISNEY FAM JAM, DÉFIS EN FAMILLE</t>
  </si>
  <si>
    <t>Disney Fam Jam, Défis en famille</t>
  </si>
  <si>
    <t>17</t>
  </si>
  <si>
    <t>Animé par Ariel Martin et Trevor Tordjman de ZOMBIES 2, des familles de toute l'Amérique se réunissent pour s'affronter dans le tout nouveau spectacle de compétition de danse de Disney Channel, Fam Jam ! Entraînés par le chorégraphe primé Phil Wright, les membres des familles sortiront de leur salon et se mettront sous le feu des projecteurs pour voir s'ils ont les épaules pour être les prochains champions et gagner un prix de 10 000 dollars en espèces.</t>
  </si>
  <si>
    <t>25min</t>
  </si>
  <si>
    <t>FR86837-HDTX</t>
  </si>
  <si>
    <t>23:25:00</t>
  </si>
  <si>
    <t>5</t>
  </si>
  <si>
    <t>FR86023-HDTX</t>
  </si>
  <si>
    <t>LES NUITS DE Disney Channel France</t>
  </si>
  <si>
    <t>20/12/2020</t>
  </si>
  <si>
    <t>dimanche</t>
  </si>
  <si>
    <t>FRIENDS: CINQ FILLES EN MISSION</t>
  </si>
  <si>
    <t>Marchez à droite</t>
  </si>
  <si>
    <t>Réalisateur: Andrew Tan, Réalisateur: Stephen MurrayRéalisateur: Andrew Tan, Réalisateur: Stephen Murray</t>
  </si>
  <si>
    <t>Le projet de Carter menace le front de mer, la vente caritative pour la clinique vétérinaire est perturbé par les travaux de terrassement sous marin des équipes de Carter.</t>
  </si>
  <si>
    <t>Danemark</t>
  </si>
  <si>
    <t>10min</t>
  </si>
  <si>
    <t>FR72268-HDTX</t>
  </si>
  <si>
    <t>06:10:00</t>
  </si>
  <si>
    <t>Etre Carter Greene: Tout un Art!</t>
  </si>
  <si>
    <t>41</t>
  </si>
  <si>
    <t>Réalisateur: Stephen Murray, Réalisateur: Andrew TanRéalisateur: Andrew Tan, Réalisateur: Stephen Murray</t>
  </si>
  <si>
    <t>Les Filles perdent patience et veulent en finir avec les plans de Carter</t>
  </si>
  <si>
    <t>FR72269-HDTX</t>
  </si>
  <si>
    <t>Sauvez la baie</t>
  </si>
  <si>
    <t>42</t>
  </si>
  <si>
    <t>Avec la fin de la construction du complexe Carter, les filles décident de faire une pétition pour que la zone devient un sanctuaire protégé.</t>
  </si>
  <si>
    <t>FR72270-HDTX</t>
  </si>
  <si>
    <t>06:35:00</t>
  </si>
  <si>
    <t>Bienvenue à Heartlake City</t>
  </si>
  <si>
    <t>Réalisateur: Andrew Tan, Réalisateur: Stephen MurrayRéalisateur: Stephen Murray, Réalisateur: Andrew Tan</t>
  </si>
  <si>
    <t>Comment une équipe de super héroïnes s'est formée à Heartlake City. Le nom de cette équipe? Elles y réfléchissent. Andréa, Emma, Stéphanie, Olivia et Mia, sans oublier Zobot, le robot, constituent cette fine équipe toujours prête à se lancer dans les plus folles aventures pour préserver la petite ville des projets les plus ambitieux.</t>
  </si>
  <si>
    <t>FR62026-HDTX</t>
  </si>
  <si>
    <t>Rebrousse-temps</t>
  </si>
  <si>
    <t>56</t>
  </si>
  <si>
    <t>Quand Marinette apprend qu’Adrien s’apprête à passer tout un week-end à Londres avec Kagami, elle décide de lui écrire une lettre pour lui avouer ses sentiments avant qu’il ne soit trop tard. Mais Maître Fu, malade, lui confie une ordonnance ainsi qu’une lettre pour Marianne, une vieille amie à qui il n’a pas su dire qu’il l’aimait. Marinette s’embrouille et confond les divers destinataires, donnant sa lettre pour Adrien à Marianne, qui interprète mal son contenu.</t>
  </si>
  <si>
    <t>FR84369-HDTX</t>
  </si>
  <si>
    <t>Poupéflekta</t>
  </si>
  <si>
    <t>Alors que Marinette organise un défilé de mode avec ses amis, elle se retrouve à jouer les modèles avec Adrien ! Pour mieux mettre en valeur les créations de Marinette, ils enlèvent leurs Miraculous et les laissent à l’arrière d’une voiture faisant office de loge. Déçue de n’avoir pas su exprimer son désir de faire le mannequin pour le défilé, Juleka redevient Réflekta. Et quand Marinette et Adrien voient la super-vilaine arriver avec son sentimonstre, ils découvrent qu’il ne s’agit pas d’une akumatisée comme les autres et comprennent que Papillon a reçu l’aide d’un allié spécial.</t>
  </si>
  <si>
    <t>FR84348-HDTX</t>
  </si>
  <si>
    <t>La douleur d'une sorcière</t>
  </si>
  <si>
    <t>En sortie scolaire pour visiter le château du mystérieux Empereur Belos, Luz s'écarte du groupe et met sa vie en danger.</t>
  </si>
  <si>
    <t>20min</t>
  </si>
  <si>
    <t>FR80363-HDTX</t>
  </si>
  <si>
    <t>La malédiction d'El Guapo</t>
  </si>
  <si>
    <t>29</t>
  </si>
  <si>
    <t>Réalisateur: Robb PrattRéalisateur: Robb Pratt</t>
  </si>
  <si>
    <t>Lorsque Gaby "emprunte" une épée ensorcelée, il adopte la personnalité prétentieuse de son ancien propriétaire.</t>
  </si>
  <si>
    <t>FR54797-HDTX</t>
  </si>
  <si>
    <t>Trois jagons et une princesse</t>
  </si>
  <si>
    <t>30</t>
  </si>
  <si>
    <t>Alors qu'Isabel tente de prouver qu'elle peut prendre soin de trois bébés jagons toute seule, ils parviennent à s'échapper. Isabel doit alors les retrouver avant le retour de leurs parents.</t>
  </si>
  <si>
    <t>FR54798-HDTX</t>
  </si>
  <si>
    <t>09:15:00</t>
  </si>
  <si>
    <t>Une espionne au palais</t>
  </si>
  <si>
    <t>31</t>
  </si>
  <si>
    <t>Carla, qui a changé d’apparence, s’infiltre dans le palais pour tenter de voler le diadème de la mère d’Elena.</t>
  </si>
  <si>
    <t>FR54799-HDTX</t>
  </si>
  <si>
    <t>09:40:00</t>
  </si>
  <si>
    <t>Esprit d'équipe</t>
  </si>
  <si>
    <t>32</t>
  </si>
  <si>
    <t>Pour participer à une exposition de science, Isabel doit travailler avec ses amis mais elle ignore les conseils d'Elena sur le travail en équipe et décide de créer son invention toute seule.</t>
  </si>
  <si>
    <t>FR54800-HDTX</t>
  </si>
  <si>
    <t>10:20:00</t>
  </si>
  <si>
    <t>Le Dessinateur</t>
  </si>
  <si>
    <t>8</t>
  </si>
  <si>
    <t>Chloé se moque de Nathanaël, un camarade de classe amoureux de Marinette. Blessé, il est akumatisé par Le Papillon. Devenu Le Dessinateur, et armé de son carnet de croquis et de son crayon, il n’hésite pas à effacer tous les obstacles qui se dressent sur son chemin pour se venger de cette peste de Chloé et la rayer de sa vie. Ladybug ne peut pas se transformer, car seule Marinette a le pouvoir d’apaiser le Dessinateur. Chat Noir devra donc l’affronter seul, guidé à distance par notre super héroïne.</t>
  </si>
  <si>
    <t>PG19194-TX</t>
  </si>
  <si>
    <t>10:50:00</t>
  </si>
  <si>
    <t>Caméléon</t>
  </si>
  <si>
    <t>Quand Lila revient au collège, elle parvient à manipuler les élèves comme les professeurs pour que tout le monde se plie à la moindre de ses exigences. Tout le monde… sauf Marinette et Adrien, qui ne sont pas dupes. Lorsqu’ils la confrontent à ses propres mensonges, Lila, vexée, demande au Papillon de l’akumatiser. Devenue Caméléon, elle peut prendre l’apparence de n’importe qui… et compte bien profiter de ce pouvoir pour détruire Ladybug, qui a été la première à la démasquer et qu’elle juge responsable de tous ses problèmes.</t>
  </si>
  <si>
    <t>FR84346-HDTX</t>
  </si>
  <si>
    <t>11:20:00</t>
  </si>
  <si>
    <t>VOTRE ENFANT GOR-MONITE S'APPRETE A EXPLOSER</t>
  </si>
  <si>
    <t>Gabby Duran décroche un job très original dans sa nouvelle ville, grâce à son proviseur: Etre la baby-sitter d'un groupe d'enfants extraterrestres ingérables qui se cachent sur terre.</t>
  </si>
  <si>
    <t>FR83411-HDTX</t>
  </si>
  <si>
    <t>12:20:00</t>
  </si>
  <si>
    <t>VA-T’EN, LICORNE!</t>
  </si>
  <si>
    <t>Creuse, Licorne! / Licorne le magicien!</t>
  </si>
  <si>
    <t>Réalisateur: Jason GrohRéalisateur: Jason Groh</t>
  </si>
  <si>
    <t>Alice essaie de découvrir comment Licorne fait de la magie, mais au cours de son enquête, Licorne perd ses pouvoirs.</t>
  </si>
  <si>
    <t>FR63190-HDTX</t>
  </si>
  <si>
    <t>12:45:00</t>
  </si>
  <si>
    <t>Licorne champion de foot !</t>
  </si>
  <si>
    <t>Licorne joue au foot dans l’équipe d’Alice, mais son manque de talent nuit à tout le monde. Lorsqu’il est échangé dans une équipe rivale, il devient un adversaire redoutable !</t>
  </si>
  <si>
    <t>11min</t>
  </si>
  <si>
    <t>FR63232-HDTX</t>
  </si>
  <si>
    <t>Zombizou</t>
  </si>
  <si>
    <t>Aujourd’hui, c’est l’anniversaire de Mlle Bustier, le professeur préféré de Marinette. Mais à cause d’une nouvelle pesterie de Chloé, Marinette est sur le point de se faire akumatiser !Pour la protéger, Mlle Bustier s’interpose et l’akuma prend possession d’elle. Le Papillon la transforme alors en Zombizou. Armée de son bâton de noir à lèvres maléfique, elle veut répandre l’amour dans la ville en envoyant des baisers maléfiques à tous les Parisiens – mais surtout à Chloé, cette peste sans cœur – pour les forcer à s’aimer les uns les autres.</t>
  </si>
  <si>
    <t>FR32415-HDTX</t>
  </si>
  <si>
    <t>Astro B.O.Y.D.!</t>
  </si>
  <si>
    <t>58</t>
  </si>
  <si>
    <t>B.O.Y.D. étant en panne, Riri, Géo et Fenton se rendent au Japon dans le laboratoire où il a été créé. Cependant, un secret du passé de B.O.Y.D. pourrait signifier le destin de Gérard Mentor.</t>
  </si>
  <si>
    <t>FR83524-HDTX</t>
  </si>
  <si>
    <t>Le défi des Castors junior senior !</t>
  </si>
  <si>
    <t>Riri affronte Violet dans un défi pour être nommé marmotte junior senior. Scrooge et la famille recherchent un trésor secret de marmotte.</t>
  </si>
  <si>
    <t>FR83520-HDTX</t>
  </si>
  <si>
    <t>4</t>
  </si>
  <si>
    <t>Star en visite</t>
  </si>
  <si>
    <t>Lola est trop contente. Elle a gagné le premier prix d’un concours qui n’est autre que la visite de sa star préférée, Justin Biberon ! Malheureusement, la star est allergique aux animaux. Lola confie donc ses animaux à… Victor. Mais ce dernier est jaloux : si Justin doit aller quelque part, c’est chez lui ! Il intercepte donc la star. Une double mission se présente à Paf : s’échapper avec Capuche de chez Victor, et faire en sorte que Lola puisse rencontrer Justin.</t>
  </si>
  <si>
    <t>FR66553-HDTX</t>
  </si>
  <si>
    <t>La grande alliance</t>
  </si>
  <si>
    <t>Le grand arbre du Parc doit être abattu pour construire un parking. Pour Lola, ce n’est pas possible… c’est leur arbre à elle et à Paf ! Elle entreprend donc de manifester contre ces travaux. Paf, de son côté, noue une alliance avec Tank et les Guanos pour empêcher l’abattage. Mais il va falloir faire preuve d’imagination pour lutter contre un contremaître très pointilleux et soucieux d’aller au bout de son boulot !</t>
  </si>
  <si>
    <t>FR66554-HDTX</t>
  </si>
  <si>
    <t>Tirouli</t>
  </si>
  <si>
    <t>Alors qu’elle joue avec Paf dans le jardin, Lola entend l’étrange chant d’un oiseau. En regardant un livre d’ornithologie, elle se rend compte qu’il s’agit d’une espèce très rare : le Tirouli. Une photo de cet oiseau ferait sûrement sensation à l’école. Mais les Guanos, jaloux, ont d’autres plans et kidnappent l’oiseau. Encore une mission pour Paf qui va devoir sauver le Tirouli des griffes des pigeons tout en s’occupant de Tank qui a décidé de se faire les dents sur Capuche. Paf ne devra pas avoir le mal de l’air !</t>
  </si>
  <si>
    <t>FR66556-HDTX</t>
  </si>
  <si>
    <t>Le Roi Skylar</t>
  </si>
  <si>
    <t>64</t>
  </si>
  <si>
    <t>Lorsque le roi Verago tombe malade, il désigne Skylar pour le remplacer pendant une journée.</t>
  </si>
  <si>
    <t>FR71262-HDTX</t>
  </si>
  <si>
    <t>Glaciator</t>
  </si>
  <si>
    <t>D’après la légende, le couple qui mange une glace chez André s’aime pour toujours ! Marinette espère qu’Adrien sera de la partie, mais ce dernier ne vient pas. Déçue par l’absence d’Adrien, Marinette refuse de manger la glace que lui tend André.Effondré, le glacier est akumatisé par le Papillon. Devenu Glaciator et armé de sa portionneuse à glace, il transforme les gens en glace.Ladybug et un Chat Noir vont unir leurs forces pour arrêter Glaciator avant que tous les Parisiens n’aient fondu !</t>
  </si>
  <si>
    <t>FR32403-HDTX</t>
  </si>
  <si>
    <t>Doudou Vilain</t>
  </si>
  <si>
    <t>Chloé décide d’organiser une fête chez elle, au Palace, et d’inviter tous les collégiens. Coachée par son majordome, Chloé fait des efforts et parvient à être aimable. Mais un événement la fait sortir de ses gonds et elle finit par renvoyer son majordome devant tous ses invités. Humilié, le majordome est akumatisé par le Papillon. Devenu Doudou Vilain, il peut désormais manipuler tous ceux qu’il touche. Et il compte bien se servir de son pouvoir pour se venger de Chloé. Ladybug et Chat Noir devront intervenir rapidement s’ils ne veulent pas perdre le contrôle de la situation !</t>
  </si>
  <si>
    <t>FR32404-HDTX</t>
  </si>
  <si>
    <t>Pari risqué, pari piégé</t>
  </si>
  <si>
    <t>9</t>
  </si>
  <si>
    <t>Luz découvre un aspect inattendu de l'école quand Gus l'invite au Club des Amateurs d'Humains.</t>
  </si>
  <si>
    <t>FR83749-HDTX</t>
  </si>
  <si>
    <t>Echange de corps</t>
  </si>
  <si>
    <t>Eda, King et Luz échangent leurs corps à la suite d'un simple désaccord qui tourne à la catastrophe.</t>
  </si>
  <si>
    <t>FR87979-HDTX</t>
  </si>
  <si>
    <t>Owl House S1, The</t>
  </si>
  <si>
    <t>Luz, une adolescente humaine pleine d’assurance, tombe accidentellement sur un portail permettant d’accéder à un nouveau monde magique où elle se liera d’amitié avec une sorcière rebelle, Eda, et un guerrier adorable, King.</t>
  </si>
  <si>
    <t>FR80371-HDTX</t>
  </si>
  <si>
    <t>Pire Noël</t>
  </si>
  <si>
    <t>Alors que Marinette prépare le réveillon en famille, Adrien s’apprête à passer son premier Noël sans sa mère. Le collégien attristé se transforme en Chat Noir et va chanter sa colère dans Paris enneigé. Quand Gabriel découvre qu’Adrien n’est plus là, il le fait rechercher. Apprenant la nouvelle, Marinette se transforme aussitôt en Ladybug, bien décidée à retrouver son Adrien. Elle le retrouve enfin en compagnie d’un Père Noël, mais pense que ce dernier est un akumatisé. Ladybug se trompe et créée des émotions négatives chez le Père Noël qui devient alors réellement une victime de Papillon.</t>
  </si>
  <si>
    <t>FR32426-HDTX</t>
  </si>
  <si>
    <t>MICKEY MOUSE COMPILATION</t>
  </si>
  <si>
    <t>Tous à l'eau / Pris au piège / Le Mystère des Chaussettes Perdues</t>
  </si>
  <si>
    <t>19</t>
  </si>
  <si>
    <t>Réalisateur: Aaron SpringerRéalisateur: Aaron Springer</t>
  </si>
  <si>
    <t>Mickey veut partir faire du surf ; sa voiture n'est pas d'accord. / Mickey et Minnie sont à la recherche du Tombeau de Toutenclavé. / Minnie doit enquêter sur un vol de chaussettes.</t>
  </si>
  <si>
    <t>FR29515-HDTX</t>
  </si>
  <si>
    <t>21:10:00</t>
  </si>
  <si>
    <t>Il faut savoir dire non / Deux en un</t>
  </si>
  <si>
    <t>Mickey se prépare pour une soirée TV tranquille; c'est compter sans Dingo et ses amis ! / Mickey demande au Professeur Von Drake de rendre Donald moins colérique.</t>
  </si>
  <si>
    <t>FR62663-HDTX</t>
  </si>
  <si>
    <t>21:20:00</t>
  </si>
  <si>
    <t>DISNEY MICKEY MOUSE</t>
  </si>
  <si>
    <t>Le plus beau des rêves / Ensemble pour Toujours / ...</t>
  </si>
  <si>
    <t>Retrouvez une compilation d'épisodes de la saison 4 de Mickey Mouse</t>
  </si>
  <si>
    <t>FR63275-HDTX</t>
  </si>
  <si>
    <t>21:30:00</t>
  </si>
  <si>
    <t>Rencontre Sportive / Carnaval / A table les oiseaux</t>
  </si>
  <si>
    <t>Retrouvez une compilation des épisodes de la saison 4 de Mickey Mouse</t>
  </si>
  <si>
    <t>FR63276-HDTX</t>
  </si>
  <si>
    <t>101, RUE DES DALMATIENS</t>
  </si>
  <si>
    <t>Parade Royale / Dal-Martiens</t>
  </si>
  <si>
    <t>10</t>
  </si>
  <si>
    <t>Dolly sème la zizanie lors d'une visite royale à Camden. Dolly et Dawkins font croire à Dylan que des extraterrestres ont débarqué à Camden.</t>
  </si>
  <si>
    <t>Royaume-Uni</t>
  </si>
  <si>
    <t>FR79058-HDTX</t>
  </si>
  <si>
    <t>AD</t>
  </si>
  <si>
    <t>Un été mémorable</t>
  </si>
  <si>
    <t>Dylan et Dolly doivent intervenir pour sauver les vacances de leur famille en Cornouailles.</t>
  </si>
  <si>
    <t>FR62069-HDTX</t>
  </si>
  <si>
    <t>Alchimie dangereuse</t>
  </si>
  <si>
    <t>Réalisateur: Matt Youngberg, Réalisateur: Francisco AngonesRéalisateur: Matt Youngberg, Réalisateur: Francisco Angones</t>
  </si>
  <si>
    <t>Poussé par Riri et Zaza, Gérard tente de charmer une brillante scientifique pour finalement découvrir que c'est une espionne.</t>
  </si>
  <si>
    <t>FR62635-HDTX</t>
  </si>
  <si>
    <t>Le retour de Myster Mask !</t>
  </si>
  <si>
    <t>Quand Flagada découvre que Picsou et Fifi tournent un film très sombre sur Myster Mask, il s'associe au Myster Mask original pour les en empêcher.</t>
  </si>
  <si>
    <t>FR62636-HDTX</t>
  </si>
  <si>
    <t>21/12/2020</t>
  </si>
  <si>
    <t>lundi</t>
  </si>
  <si>
    <t>LES GREEN À BIG CITY</t>
  </si>
  <si>
    <t>Le foot-animal / Faits comme des ratons-laveurs</t>
  </si>
  <si>
    <t>Réalisateur: Monica Ray, Réalisateur: Matt Braly, Réalisateur: Shane Houghton, Réalisateur: Chris HoughtonRéalisateur: Chris Houghton, Réalisateur: Matt Braly, Réalisateur: Shane Houghton</t>
  </si>
  <si>
    <t>Après avoir envoyé tous ses ballons au Big Café pendant un match de foot-animal, Cricket doit trouver un moyen de les récupérer en affrontant Gloria. Bill et Cricket réveillent des ratons-laveurs qui logeaient dans le garage de Grand-Mère et la famille doit unir ses forces pour les chasser de la maison.</t>
  </si>
  <si>
    <t>FR54565-HDTX</t>
  </si>
  <si>
    <t>Le permis de Grand-mère / Scandale au supermarché</t>
  </si>
  <si>
    <t>Réalisateur: Matt Braly, Réalisateur: Shane Houghton, Réalisateur: Tiffany Ford, Réalisateur: Chris HoughtonRéalisateur: Chris Houghton, Réalisateur: Matt Braly, Réalisateur: Shane Houghton</t>
  </si>
  <si>
    <t>Grand-mère Alice a un accident de voiture qui lui fait perdre son permis de conduire et sa confiance en elle. / Cricket passe un accord avec une grande chaîne de magasins pour vendre tous les fruits et légumes de Bill.</t>
  </si>
  <si>
    <t>FR54566-HDTX</t>
  </si>
  <si>
    <t>Horrificator</t>
  </si>
  <si>
    <t>La classe de Marinette doit réaliser un petit film d’horreur pour un festival. Marinette, désignée productrice, doit tout faire pour que le film soit tourné dans la journée. Mais l’actrice principale, Mylène, est trop effrayée pour jouer, ce qui lui attire les reproches de certains de ses camarades. Blessée, elle quitte le plateau. Marinette doit alors la remplacer, et tourner la scène où elle embrasse l’acteur principal… Adrien !</t>
  </si>
  <si>
    <t>PG19196-TX</t>
  </si>
  <si>
    <t>07:50:00</t>
  </si>
  <si>
    <t>Ladybug &amp; Chat Noir (Origines – Partie 1)</t>
  </si>
  <si>
    <t>25</t>
  </si>
  <si>
    <t>C’est la rentrée, et cette année encore, Marinette se retrouve dans la classe de Chloé, dont elle est le souffre-douleur. Mais elle trouve une amie en Alya, une nouvelle élève dont elle admire le caractère fonceur.Adrien, célèbre mannequin, aimerait aller au collège comme tout le monde, mais son père autoritaire et surprotecteur le lui interdit. Devenir Chat Noir lui permettra de découvrir pour la première fois les joies de la liberté et de laisser l’adolescent énergique et facétieux qui est en lui s’exprimer pleinement.</t>
  </si>
  <si>
    <t>PG19211-TX</t>
  </si>
  <si>
    <t>08:15:00</t>
  </si>
  <si>
    <t>Cœur De Pierre (Origines – Partie 2)</t>
  </si>
  <si>
    <t>Adrien décide de désobéir à son père et d’aller au collège pour la première fois. C’est là que Marinette le rencontre, mais un malentendu lui fait penser qu’Adrien ne vaut pas mieux que Chloé, avec qui il est ami.Nos collégiens n’ont pas le temps de faire connaissance car il leur faut affronter Cœur de Pierre, alias Ivan, akumatisé par Le Papillon. Si Adrien n’hésite pas un instant à se transformer en Chat Noir, Marinette manque de confiance en elle et ne veut plus être Ladybug.</t>
  </si>
  <si>
    <t>PG19203-TX</t>
  </si>
  <si>
    <t>08:55:00</t>
  </si>
  <si>
    <t>SADIE SPARKS</t>
  </si>
  <si>
    <t>Danse avec les zombies / Juste à temps</t>
  </si>
  <si>
    <t>6</t>
  </si>
  <si>
    <t>Réalisateur: Bronagh O'Hanlon, Réalisateur: Olivier LelardouxRéalisateur: Olivier Lelardoux, Réalisateur: Bronagh O'Hanlon</t>
  </si>
  <si>
    <t>Gilbert essaie d'enseigner un sort à Sadie qui n'arrive pas à sa concentrer. Elle écoute de la musique sur son téléphone et improvise totalement, à la grande frustration de Gilbert. Les deux amis se disputent à cause du téléphone qui finit par tomber dans la potion. / Le cours de physique est interminable et Teepee encourage Sadie à lancer un sort à l'horloge de la classe. Le temps s'accélère et soudain le cours est terminé. Malheureusement, le sort de Sadie semble avoir touché l'école tout entière et le temps continue à accélérer.</t>
  </si>
  <si>
    <t>FR61488-HDTX</t>
  </si>
  <si>
    <t>Le concours de mascottes / Comme un gant</t>
  </si>
  <si>
    <t>Réalisateur: Olivier Lelardoux, Réalisateur: Bronagh O'HanlonRéalisateur: Olivier Lelardoux, Réalisateur: Bronagh O'Hanlon</t>
  </si>
  <si>
    <t>Val demande l'organisation d'une compétition de mascottes, car elle pense que son carlin Prince ferait une bien meilleure mascotte que Gilbert. Ce dernier est inquiet parce qu'il pourrait perdre son accès privilégié à l'école de Sadie. / Sadie reçoit un gant magique qui peut changer les portes ordinaires en portails vers une autre pièce ou un autre lieu. La jeune fille et ses amis en profitent pour faire une partie de cache-cache épique dans l'école.</t>
  </si>
  <si>
    <t>FR77818-HDTX</t>
  </si>
  <si>
    <t>09:50:00</t>
  </si>
  <si>
    <t>L'esprit d'un magicien</t>
  </si>
  <si>
    <t>66</t>
  </si>
  <si>
    <t>Mateo et Elena tentent de délivrer le grand-père de Mateo qui est enfermé dans un livre magique.</t>
  </si>
  <si>
    <t>FR71264-HDTX</t>
  </si>
  <si>
    <t>Sapotis</t>
  </si>
  <si>
    <t>38</t>
  </si>
  <si>
    <t>Alors que Marinette et Alya font une soirée pyjama chez cette dernière, les petites sœurs d’Alya, les jumelles Etta et Ella, enchaînent les bêtises. Punies par Alya, les jumelles se font akumatiser par le Papillon. Devenues les Sapotis, des petits monstres incontrôlables qui se reproduisent en mangean. Rapidement dépassée par la situation et le nombre de Sapotis facétieux, Ladybug doit faire appel à une nouvelle super héroïne. Elle choisit Alya et lui confie le Miraculous du Renard. Alya devient Rena Rouge, la super-héroïne renarde armée d’une flûte à illusions !</t>
  </si>
  <si>
    <t>FR32412-HDTX</t>
  </si>
  <si>
    <t>Portail magique</t>
  </si>
  <si>
    <t>Luz, une adolescente humaine pleine d’assurance, tombe accidentellement sur un portail permettant d’accéder à nouveau monde magique où elle se liera d’amitié avec une sorcière rebelle, Eda, et un guerrier adorable, King. Bien qu’elle n'ait aucun pouvoir magique, Luz poursuit son rêve de devenir une sorcière en servant d'apprentie à Eda au Manoir de la Chouette et trouve finalement une nouvelle famille dans un environnement improbable.</t>
  </si>
  <si>
    <t>FR80354-HDTX</t>
  </si>
  <si>
    <t>11:45:00</t>
  </si>
  <si>
    <t>Les sorcières avant les enchanteurs</t>
  </si>
  <si>
    <t>Lorsqu'un ancien enchanteur donne un parchemin à Luz qui la conduira vers une quête mystique, elle se demande si elle est bien "l'être élu" ?</t>
  </si>
  <si>
    <t>FR83176-HDTX</t>
  </si>
  <si>
    <t>AMPHIBIA S2</t>
  </si>
  <si>
    <t>Handy Anne / Fort en route</t>
  </si>
  <si>
    <t>Les Plantars sont prêts à prendre la route quand Anne décide de sécuriser la ferme. Sur la route de Newtopia, Sprig a soif d'aventure, mais le code de la route de Hop Pop menace de gâcher son plaisir.</t>
  </si>
  <si>
    <t>2020</t>
  </si>
  <si>
    <t>FR87672-HDTX</t>
  </si>
  <si>
    <t>AMPHIBIA</t>
  </si>
  <si>
    <t>L'Anne ou la Bête ? / Comme les deux doigts de la palme</t>
  </si>
  <si>
    <t>Sprig essaie de vaincre tout seul une bête mystérieuse afin de prouver sa valeur. Sprig emmène Anne se baigner dans un lac situé à proximité pour lui changer les idées.</t>
  </si>
  <si>
    <t>FR70425-HDTX</t>
  </si>
  <si>
    <t>13:05:00</t>
  </si>
  <si>
    <t>Malédikteur</t>
  </si>
  <si>
    <t>48</t>
  </si>
  <si>
    <t>Après s’être ridiculisée devant toute la classe, Chloé demande à son père de la venger. Mais Mr. Bourgeois a beau être le maire de Paris, ses pouvoirs ont quand même des limites. Déçue, Chloé le menace alors de partir vivre à New York avec sa mère.Paniqué et désemparé, Mr. Bourgeois se fait akumatiser par le Papillon et devient Malédikteur. Désormais doté d’un pouvoir absolu, il veut réaliser tous les rêves de sa fille Mais quand Chat Noir tombe aux prises de Malédikteur, Marinette / Ladybug n’a d’autre choix que de faire appel à Queen Bee, alias Chloé !</t>
  </si>
  <si>
    <t>FR32422-HDTX</t>
  </si>
  <si>
    <t>13:30:00</t>
  </si>
  <si>
    <t>Le marchand de sable</t>
  </si>
  <si>
    <t>49</t>
  </si>
  <si>
    <t>Parcourant la ville sur son nuage magique, le Marchand de Sable donne vie aux mauvais rêves de tous ceux qu’il croise, y compris Marinette et Adrien. Marinette se retrouve alors poursuivie par une vision cauchemardesque d’un Adrien amoureux de Chloé, tandis que le vrai Adrien, lui, se fait emprisonner dans sa chambre !Tikki et Plagg passent la nuit avec les autres kwamis, Marinette et Adrien ne peuvent pas se transformer en Ladybug et Chat Noir pour aller affronter l’énigmatique Marchand de Sable… Parviendront-ils à retrouver Tikki et Plagg à temps pour faire cesser ce cauchemar?</t>
  </si>
  <si>
    <t>FR32423-HDTX</t>
  </si>
  <si>
    <t>La Bande à Picsou</t>
  </si>
  <si>
    <t>Au manoir, Donald organise une photo de famille, mais Riri sent que quelque chose cloche, et il va découvrir que tout vient d'un souhait qui a mal tourné !</t>
  </si>
  <si>
    <t>FR83519-HDTX</t>
  </si>
  <si>
    <t>Agent Flagada</t>
  </si>
  <si>
    <t>Un jeu vidéo d'espionnage devient dangereusement réel alors que Launchpad et Fifi doivent arrêter le plan de l'agent Steelbeak du F.O.W.L. pour détruire Donaldville.</t>
  </si>
  <si>
    <t>FR83521-HDTX</t>
  </si>
  <si>
    <t>Le Patineur</t>
  </si>
  <si>
    <t>43</t>
  </si>
  <si>
    <t>Quand Adrien demande conseil à Marinette sur sa vie sentimentale, elle s’improvise malgré elle sa conseillère amoureuse et se retrouve prise dans un rendez-vous croisé à la patinoire : Kagami accompagne Adrien, et Luka accompagne Marinette. Philippe, un entraîneur de patinage sur glace, discute avec le Maire Bourgeois, qui veut faire fermer sa patinoire. Désemparé, Philippe se fait akumatiser par le Papillon et devient le Patineur. Armé de ses patins maléfiques, il veut faire de Paris son Royaume de glace !Alors que Ladybug et Chat Noir se découvrent des pouvoirs spéciaux</t>
  </si>
  <si>
    <t>FR32417-HDTX</t>
  </si>
  <si>
    <t>15:40:00</t>
  </si>
  <si>
    <t>Inverso</t>
  </si>
  <si>
    <t>46</t>
  </si>
  <si>
    <t>Marc est un élève au collège très doué pour l’écriture. Son rêve serait d’écrire une bande-dessinée avec Nathaniel, dont il admire les talents de dessinateur, mais il est bien trop timide pour oser lui parler. Suite à un malentendu Marc est convaincu que Marinette lui a menti. Déçu et humilié, il se fait akumatiser par le Papillon et devient Inverso.Parcourant Paris sur son avion de papier géant, il inverse les caractères de tous ceux qui se trouvent sur son chemin !Ladybug et Chat Noir parviendront-ils à inverser le cours des choses ? Et Marinette arrivera-t-elle à rétablir la vérité ?</t>
  </si>
  <si>
    <t>FR32420-HDTX</t>
  </si>
  <si>
    <t>16:05:00</t>
  </si>
  <si>
    <t>Anansi</t>
  </si>
  <si>
    <t>47</t>
  </si>
  <si>
    <t>Alors que Marinette, Alya et Nino s’apprêtent à sortir, Nora, la grande sœur surprotectrice d’Alya, intervient : toutes les récentes akumatisations l’inquiètent. Elle refuse de laisser Alya sortir, c’est trop dangereux. Nino lui affirme alors qu’il protègera Alya en cas de danger et Nora lui lance un défi : s’il gagne, Alya pourra les accompagner. Impatiente de sortir, Marinette triche et aide Nino à gagner.Restée seule et inquiète pour sa sœur, Nora se fait akumatiser par le Papillon et devient Anansi, une femme araignée géante.</t>
  </si>
  <si>
    <t>FR32421-HDTX</t>
  </si>
  <si>
    <t>HÔTEL TRANSYLVANIE - LA SÉRIE</t>
  </si>
  <si>
    <t>Conte d'Abominoël</t>
  </si>
  <si>
    <t>Réalisateur: Robin BuddRéalisateur: Robin Budd</t>
  </si>
  <si>
    <t>Voulant savoir pourquoi Lydia déteste tant la fête d'Abominoël, Mavis découvre que la haine de sa tante pour cette célébration annuelle, provient d'un souhait de cadeau jamais satisfait. Mavis doit donc traverser l'outre-monde pour demander à l'effroyable Krampus de corriger une erreur qu'il a commise il y a des siècles…</t>
  </si>
  <si>
    <t>FR37033-HDTX</t>
  </si>
  <si>
    <t>Pas de cadeau cette année</t>
  </si>
  <si>
    <t>FR75301-HDTX</t>
  </si>
  <si>
    <t>Antibug</t>
  </si>
  <si>
    <t>24</t>
  </si>
  <si>
    <t>Chloé, très grande admiratrice de Ladybug, essaie d’aider cette dernière à capturer l’akuma d’un méchant. Mais Ladybug refuse d’écouter ses conseils et le méchant s’échappe. Ladybug et Chat Noir finissent par l’arrêter, mais une dispute éclate entre Ladybug et Chloé, furieuse d’avoir été snobée par son idole.Déçue, Chloé est alors akumatisée en Antibug, un double maléfique de Ladybug ayant les mêmes pouvoirs qu’elle. Et Antibug compte bien faire payer Ladybug pour l’humiliation qu’elle lui a fait subir.</t>
  </si>
  <si>
    <t>PG19210-TX</t>
  </si>
  <si>
    <t>Volpina</t>
  </si>
  <si>
    <t>26</t>
  </si>
  <si>
    <t>Marinette a une rivale au collège, une nouvelle élève qui s’appelle Lila et qui semble un peu trop s’intéresser à Adrien. La jeune fille raconte à ce dernier qu’elle en sait long sur les super héros, et même qu’elle connaît Ladybug ! Furieuse de voir qu’Adrien semble séduit, Marinette se transforme en Ladybug pour confondre Lila. Mais elle s’en fait une ennemie mortelle en l’humiliant devant Adrien.</t>
  </si>
  <si>
    <t>PG19212-TX</t>
  </si>
  <si>
    <t>20:00:00</t>
  </si>
  <si>
    <t>PYJAMASQUES</t>
  </si>
  <si>
    <t>Bibou et le gentil méchant / Bibou et le nouveau justicier</t>
  </si>
  <si>
    <t>44</t>
  </si>
  <si>
    <t>Réalisateur: Christian De VitaRéalisateur: Christian De Vita</t>
  </si>
  <si>
    <t>Roméo fait croire à Tatouro’Tom qu'il est devenu un gentil. Ninjaka convainc Tatouro’Tom que les Pyjamasques ont volé tous les nouveaux comics Flossy Flash !</t>
  </si>
  <si>
    <t>FR43086-HDTX</t>
  </si>
  <si>
    <t>20:25:00</t>
  </si>
  <si>
    <t>Gluglu et les algues fluorescentes/Bibou et le télescope</t>
  </si>
  <si>
    <t>45</t>
  </si>
  <si>
    <t>Les pouvoirs du Gluglu sont augmentés grâce à une algue lors d'une mission sous-marine. Tout en essayant d'arrêter Sorceline, Bibou casse la lentille du télescope d'un observatoire et accuse son ennemie jurée.</t>
  </si>
  <si>
    <t>FR43087-HDTX</t>
  </si>
  <si>
    <t>CAMP KIKIWAKA</t>
  </si>
  <si>
    <t>Du rêve à la réalité</t>
  </si>
  <si>
    <t>Interprète: Skai Jackson, Interprète: Nina Lu, Interprète: Nathan Arenas, Interprète: Karan Brar, Interprète: Kevin Quinn, Interprète: Peyton List, Interprète: Miranda MayInterprète: Karan Brar, Interprète: Nathan Arenas, Interprète: Kevin Quinn, Interprète: Peyton List, Interprète: Miranda May, Interprète: Nina Lu, Interprète: Skai Jackson</t>
  </si>
  <si>
    <t>La fin des vacances approche et Griff reçoit une nouvelle inespérée concernant la fin de sa détention.</t>
  </si>
  <si>
    <t>FR34103-HDTX</t>
  </si>
  <si>
    <t>Un amour naissant</t>
  </si>
  <si>
    <t>34</t>
  </si>
  <si>
    <t>Réalisateur: Rich Correll, Interprète: Lincoln Melcher, Interprète: Miranda May, Interprète: Skai Jackson, Interprète: Nina Lu, Interprète: Nathan Arenas, Interprète: Karan Brar, Interprète: Peyton List, Interprète: Sean Whalen, Interprète: Kevin QuinnInterprète: Karan Brar, Interprète: Nathan Arenas, Interprète: Kevin Quinn, Interprète: Peyton List, Interprète: Miranda May, Interprète: Nina Lu, Interprète: Skai Jackson</t>
  </si>
  <si>
    <t>Xander et Emma apprennent que deux de leurs campeurs sont amoureux l'un de l'autre.</t>
  </si>
  <si>
    <t>FR34233-HDTX</t>
  </si>
  <si>
    <t>Coop &amp; Cami Ask The World S2</t>
  </si>
  <si>
    <t>Cami et Charlotte décident d'utiliser une maison que leur mère a à vendre pour s'isoler.</t>
  </si>
  <si>
    <t>FR81109-HDTX</t>
  </si>
  <si>
    <t>Le débat</t>
  </si>
  <si>
    <t>33</t>
  </si>
  <si>
    <t>La guerre de blagues entre Cami et Pam pousse Charlotte à se mordre la langue. Elle ne peut plus parler correctement et Cami doit prendre sa place pour conduire l'équipe de débat au championnat régional.</t>
  </si>
  <si>
    <t>FR81110-HDTX</t>
  </si>
  <si>
    <t>VIOLETTA</t>
  </si>
  <si>
    <t>Épisode 81</t>
  </si>
  <si>
    <t>81</t>
  </si>
  <si>
    <t>Réalisateur: Jorge Nisco, Réalisateur: Martin Saban, Interprète: Mercedes Lambre, Interprète: Mirta Wons, Interprète: Facundo Gambande, Interprète: Samuel Nascimento, Interprète: Joaquin Berthold, Interprète: Alberto Fernandez De Rosa, Interprète: Martina Stoessel, Interprète: Florencia Benitez, Interprète: Candelaria Molfese, Interprète: Rodrigo Pedreira, Interprète: Valentina Frione, Interprète: Jorge Blanco, Interprète: Ezequiel Rodriguez, Interprète: Lodovica Comello, Interprète: Pablo Sultani, Interprète: Nicolas Garnier, Interprète: Diego Ramos, Interprète: Clara Alonso, Interprète: Alba Rico, Interprète: Alberto Allende, Interprète: Diego Dominguez LlortRéalisateur: Martin Saban, Réalisateur: Jorge Nisco, Interprète: Samuel Nascimento, Interprète: Joaquin Berthold, Interprète: Alberto Fernandez De Rosa, Interprète: Martina Stoessel, Interprète: Candelaria Molfese, Interprète: Rodrigo Pedreira, Interprète: Valentina Frione, Interprète: Jorge Blanco, Interprète: Ezequiel Rodriguez, Interprète: Lodovica Comello, Interprète: Pablo Sultani, Interprète: Nicolas Garnier, Interprète: Diego Ramos, Interprète: Clara Alonso, Interprète: Alba Rico, Interprète: Alberto Allende, Interprète: Diego Dominguez Llort, Interprète: Florencia Benitez, Interprète: Mercedes Lambre, Interprète: Mirta Wons, Interprète: Facundo Gambande</t>
  </si>
  <si>
    <t>Les vacances sont terminées et les cours vont reprendre. Mais avant, le Studio et YouMix organisent une fête Disco au cours de laquelle les élèves vont chanter sur scène.</t>
  </si>
  <si>
    <t>Espagne</t>
  </si>
  <si>
    <t>2013</t>
  </si>
  <si>
    <t>55min</t>
  </si>
  <si>
    <t>FJ75560-TX</t>
  </si>
  <si>
    <t>22/12/2020</t>
  </si>
  <si>
    <t>mardi</t>
  </si>
  <si>
    <t>Tilly la babysitter / Le rêve d'enfance de Bill</t>
  </si>
  <si>
    <t>Réalisateur: Matt Braly, Réalisateur: Shane Houghton, Réalisateur: Chris HoughtonRéalisateur: Chris Houghton, Réalisateur: Matt Braly, Réalisateur: Shane Houghton</t>
  </si>
  <si>
    <t>Bill emmène Grand-Mère chez le médecin et laisse Tilly en charge de surveiller Cricket. Ce dernier saute sur l'occasion pour faire une liste de choses que son père désapprouverait et Tilly va devoir trouver le moyen de le raisonner, coûte que coûte. / Cricket apprend que Bill rêvait d'être gymnaste quand il était jeune et qu'il n'a jamais pu réaliser son rêve. C'était Grand-mère qui l'entraînait alors, et Cricket pense pouvoir faire mieux qu'elle. Mais y arrivera-t-il ?</t>
  </si>
  <si>
    <t>FR54567-HDTX</t>
  </si>
  <si>
    <t>Barry Cuda / Maman Oiseau</t>
  </si>
  <si>
    <t>Cricket utilise son premier pourboire pour s'acheter un poisson qui chante. / Tilly découvre un nid d'oiseaux et décide de s'occuper des petits en espérant qu'ils la prennent pour leur maman.</t>
  </si>
  <si>
    <t>FR54568-HDTX</t>
  </si>
  <si>
    <t>Le Mime</t>
  </si>
  <si>
    <t>13</t>
  </si>
  <si>
    <t>Catastrophe ! Marinette a effacé sans le vouloir une vidéo qu’Alya avait faite de Ladybug et où cette dernière la complimentait pour le Ladyblog ! Pensant qu’Alya sera furieuse, Marinette décide de lui cacher la vérité et de se transformer en Ladybug pour tourner à nouveau le film effacé. Mais son plan est compromis lorsqu’un nouveau vilain apparaît.</t>
  </si>
  <si>
    <t>PG19199-TX</t>
  </si>
  <si>
    <t>Chronogirl</t>
  </si>
  <si>
    <t>Les camarades de classe d’Alix cassent, sans le faire exprès, une montre d’une valeur inestimable offerte par son père. Furieuse, elle est akumatisée par Le Papillon et devient Timebreaker. Armée de ses rollers, elle compte utiliser l’énergie de ses camarades en les faisant disparaître pour pouvoir remonter dans le temps et sauver sa montre. En essayant de l’arrêter, Ladybug retourne dans le passé avec elle.Aidée de Chat Noir et de son double du passé, elle doit neutraliser Timebreaker. Mais la tâche n’est pas aisée, car Timebreaker s’est elle aussi dédoublée !</t>
  </si>
  <si>
    <t>PG19190-TX</t>
  </si>
  <si>
    <t>Sadie la diva / Les chaussures de Lulu</t>
  </si>
  <si>
    <t>Lorsque Vincent met au défi Sadie et Blaine de préparer un sort d'amplification complexe, Blaine décide d'avoir recours à une technique déloyale pour prendre l'avantage sur sa rivale. Il lui lance alors un sort de diva qui lui offre un talent musical énorme accompagné d'un caractère ultra capricieux. Comment faire pour retrouver la vraie Sadie? / Les élèves sont réunis dans le gymnase pour participer à un atelier sur le " langage corporel" . Pour aider Lulu, qui a beaucoup de mal à danser, Sadie jète un sort à ses chaussures.</t>
  </si>
  <si>
    <t>FR61474-HDTX</t>
  </si>
  <si>
    <t>La flortilège d'invisibilité / Les chaussures de Lulu</t>
  </si>
  <si>
    <t>L'école a organisé une sortie nature dans la forêt pour la classe de Sadie.Malheureusement, son sens de l'orientation lui joue des tours et voilà que le petit groupe s'égare. Forcés de passer la nuit dehors dans un camp de fortune non loin d'une grotte. Mais la grotte mène vers le royaume magique. / Tandis que Gilbert se prépare avec anxiété à affronter les Anciens à l'occasion de son évaluation annuelle, une lapine arrive dans la maison des Sparks et s'intéresse d'un peu trop près à Gilbert...</t>
  </si>
  <si>
    <t>FR61490-HDTX</t>
  </si>
  <si>
    <t>Croisière d'anniversaire</t>
  </si>
  <si>
    <t>69</t>
  </si>
  <si>
    <t>Elena tente d'aider la princesse Chloé à se faire des amis en lui organisant une fête d'anniversaire. Mais une nymphe menace de gâcher les festivités.</t>
  </si>
  <si>
    <t>FR71267-HDTX</t>
  </si>
  <si>
    <t>Abomination abominable</t>
  </si>
  <si>
    <t>Luz se glisse dans l'école de magie pour aider une nouvelle amie et se fait des ennemis en chemin.</t>
  </si>
  <si>
    <t>FR80366-HDTX</t>
  </si>
  <si>
    <t>L'intrus</t>
  </si>
  <si>
    <t>Luz et King doivent protéger le manoir d'un mystérieux intrus.</t>
  </si>
  <si>
    <t>FR80367-HDTX</t>
  </si>
  <si>
    <t>La ballade de la Hopediah Plantar / Anne Hunter</t>
  </si>
  <si>
    <t>Les efforts de Hop Pop pour être acclamé comme un héros se retournent contre lui lorsqu'il s'oppose à la mauvaise famille. Anne doit mettre sa conscience de soi de côté afin d'apprendre le vrai chemin du chasseur.</t>
  </si>
  <si>
    <t>FR87673-HDTX</t>
  </si>
  <si>
    <t>La Canne Sacrée et l'Arbre Maudit / Spranne contre l'inondation</t>
  </si>
  <si>
    <t>Anne, Sprig et Polly se lancent dans une aventure pour remplacer la canne de Hop Pop qu'Anne a cassée. Sprig et Anne cohabitent après l'inondation de la chambre d'Anne.</t>
  </si>
  <si>
    <t>FR70436-HDTX</t>
  </si>
  <si>
    <t>Le jour des Héros - Partie 1</t>
  </si>
  <si>
    <t>50</t>
  </si>
  <si>
    <t>C’est le Jour des Héros à Paris, et chacun doit préparer une bonne action pour les autres. Mais Marinette n’a pas eu le temps de s’occuper de la sienne. De peur de décevoir ses amis en leur annonçant qu’elle n’a rien préparé, Marinette leur ment et se retrouve rapidement dépassée par son propre mensonge.Mais son cauchemar ne fait que commencer. En effet, de son côté, le Papillon akumatise son assistante Nathalie en Catalyste, une super vilaine qui lui permettra de mettre en action le plan qu’il prépare depuis si longtemps… un plan censé lui permettre de vaincre enfin Ladybug et Chat Noir…</t>
  </si>
  <si>
    <t>FR32424-HDTX</t>
  </si>
  <si>
    <t>Le jour des Héros - Partie 2</t>
  </si>
  <si>
    <t>51</t>
  </si>
  <si>
    <t>Le Papillon, devenu Papillon Ecarlate grâce à Catalyste, a enfin mis à exécution son terrible plan en réakumatisant tous ses anciens vilains !Pour les affronter, Ladybug et Chat Noir se retrouvent à la tête d’une équipe de super héros composée de Rena Rouge, Queen Bee et Carapace. Mais les héros ne sont pas habitués à travailler ensemble et se rendent rapidement compte qu’ils manquent d’entraînement. Très vite, ils se retrouvent dans une situation extrêmement difficile et sont sur le point de se faire vaincre par Papillon Ecarlate…</t>
  </si>
  <si>
    <t>FR32425-HDTX</t>
  </si>
  <si>
    <t>11</t>
  </si>
  <si>
    <t>La harpe perdue de Mervana</t>
  </si>
  <si>
    <t>Picsou et sa famille infiltrent une société de sirènes zen pour trouver l'un des Mystères Manquants, mais Loulou est convaincu que les sirènes, d'apparence inoffensive, préparent un mauvais coup.</t>
  </si>
  <si>
    <t>FR83522-HDTX</t>
  </si>
  <si>
    <t>PHINÉAS ET FERB</t>
  </si>
  <si>
    <t>Noël en famille / La neige en été</t>
  </si>
  <si>
    <t>82</t>
  </si>
  <si>
    <t>Réalisateur: Robert F Hughes, Réalisateur: Dan Povenmire, Interprète: Bowling For SoupRéalisateur: Dan Povenmire, Interprète: Bowling For Soup</t>
  </si>
  <si>
    <t>Phinéas et Ferb présentent leur émission de Noël avec leur famille, leurs amis et Kelly Clarkson en invité d’honneur. Mais Perry a encore disparu ! / Phinéas et Ferb créent l’éthiver, un mélange d’été et d’hiver.</t>
  </si>
  <si>
    <t>2007</t>
  </si>
  <si>
    <t>FR54041-HDTX</t>
  </si>
  <si>
    <t>Les givrés du hockey / Bonne et heureuse année</t>
  </si>
  <si>
    <t>102</t>
  </si>
  <si>
    <t>Réalisateur: Dan Povenmire, Réalisateur: Sue Perrotto, Réalisateur: Robert F Hughes, Interprète: Bowling For SoupRéalisateur: Dan Povenmire, Interprète: Bowling For Soup</t>
  </si>
  <si>
    <t>Phinéas et Ferb doivent assurer l’animation pendant un match de hockey sur glace et font un grand spectacle de glisse avec leurs amis. Candice essaie de faire croire à Jeremy qu’elle est une spécialiste du hockey.</t>
  </si>
  <si>
    <t>FR54062-HDTX</t>
  </si>
  <si>
    <t>Le Q.G. des Farfeloups/Gluglu et le gentil Farfeloup</t>
  </si>
  <si>
    <t>Les loups entrent dans le QG et le transforment en tanière ! Tandis que les loups se déchaînent, Gluglu doute d'avoir l'étoffe d'un gentil tandis que Kévin n'est pas sûr de vouloir être un méchant.</t>
  </si>
  <si>
    <t>FR43088-HDTX</t>
  </si>
  <si>
    <t>Les Farfeloups volants / Gluglu et les voleurs de lézard</t>
  </si>
  <si>
    <t>Rip essaie de recueillir les plumes des ailes de Bibou pour faire voler les loups. Quand des squelettes sont volés du musée, les Pyjamasques pensent que les loups sont les coupables !</t>
  </si>
  <si>
    <t>FR43089-HDTX</t>
  </si>
  <si>
    <t>Dernier feu de camp</t>
  </si>
  <si>
    <t>Interprète: Nina Lu, Interprète: Skai Jackson, Interprète: Nathan Arenas, Interprète: Karan Brar, Interprète: Peyton List, Interprète: Kevin Quinn, Interprète: Miranda MayInterprète: Karan Brar, Interprète: Nathan Arenas, Interprète: Kevin Quinn, Interprète: Peyton List, Interprète: Miranda May, Interprète: Nina Lu, Interprète: Skai Jackson</t>
  </si>
  <si>
    <t>Pour fêter leur dernière nuit sur le camp, les enfants partent en camping sauvage. Ravi et Emma passent leur dernier examen pour devenir officiellement moniteurs.</t>
  </si>
  <si>
    <t>FR34104-HDTX</t>
  </si>
  <si>
    <t>Lou aux commandes</t>
  </si>
  <si>
    <t>59</t>
  </si>
  <si>
    <t>C’est un nouvel été au Camp Kikiwaka, Les enfants Ross sont partis en laissant le camp à Lou. C'est l'arrivée d'une nouvelle campeuse, Gwen et de nouveaux moniteurs Noah et Ava.</t>
  </si>
  <si>
    <t>FR82942-HDTX</t>
  </si>
  <si>
    <t>Le skake en rond</t>
  </si>
  <si>
    <t>Cami est impatiente de participer à une compétition de patinage artistique en duo à la patinoire... jusqu'à ce que Charlotte décide de s'y inscrire aussi.</t>
  </si>
  <si>
    <t>FR81117-HDTX</t>
  </si>
  <si>
    <t>Le record du monde</t>
  </si>
  <si>
    <t>Coop et Cami ont hâte d'utiliser le talent d'Ollie pour les rots afin de battre un record du monde. Mais pour ce faire, ils doivent interrompre le récital de piano d'Ollie.</t>
  </si>
  <si>
    <t>FR81111-HDTX</t>
  </si>
  <si>
    <t>Épisode 82</t>
  </si>
  <si>
    <t>Réalisateur: Martin Saban, Réalisateur: Jorge Nisco, Interprète: Candelaria Molfese, Interprète: Jorge Blanco, Interprète: Ezequiel Rodriguez, Interprète: Lodovica Comello, Interprète: Pablo Sultani, Interprète: Mirta Wons, Interprète: Diego Ramos, Interprète: Clara Alonso, Interprète: Alba Rico, Interprète: Alberto Allende, Interprète: Diego Dominguez Llort, Interprète: Florencia Benitez, Interprète: Rodrigo Pedreira, Interprète: Valentina Frione, Interprète: Mercedes Lambre, Interprète: Facundo Gambande, Interprète: Samuel Nascimento, Interprète: Nicolas Garnier, Interprète: Joaquin Berthold, Interprète: Alberto Fernandez De Rosa, Interprète: Martina StoesselRéalisateur: Martin Saban, Réalisateur: Jorge Nisco, Interprète: Samuel Nascimento, Interprète: Joaquin Berthold, Interprète: Alberto Fernandez De Rosa, Interprète: Martina Stoessel, Interprète: Candelaria Molfese, Interprète: Rodrigo Pedreira, Interprète: Valentina Frione, Interprète: Jorge Blanco, Interprète: Ezequiel Rodriguez, Interprète: Lodovica Comello, Interprète: Pablo Sultani, Interprète: Nicolas Garnier, Interprète: Diego Ramos, Interprète: Clara Alonso, Interprète: Alba Rico, Interprète: Alberto Allende, Interprète: Diego Dominguez Llort, Interprète: Florencia Benitez, Interprète: Mercedes Lambre, Interprète: Mirta Wons, Interprète: Facundo Gambande</t>
  </si>
  <si>
    <t>Diego vient à la soirée Disco. Il tombe immédiatement amoureux de Violetta et se pose en rival de Léon.</t>
  </si>
  <si>
    <t>52min</t>
  </si>
  <si>
    <t>FJ75561-TX</t>
  </si>
  <si>
    <t>23/12/2020</t>
  </si>
  <si>
    <t>mercredi</t>
  </si>
  <si>
    <t>06:50:00</t>
  </si>
  <si>
    <t>07:15:00</t>
  </si>
  <si>
    <t>07:40:00</t>
  </si>
  <si>
    <t>08:05:00</t>
  </si>
  <si>
    <t>Bill est accro / Côté sauvage</t>
  </si>
  <si>
    <t>Bill devient accro à un jeu vidéo de simulation de ferme. Le côté sauvage de Cricket prend le dessus lorsque Bill refuse de l'emmener camper.</t>
  </si>
  <si>
    <t>FR70942-HDTX</t>
  </si>
  <si>
    <t>Histoires de Grand-mère / La ferme des animaux</t>
  </si>
  <si>
    <t>Après avoir trouvé une boîte pleine de souvenirs, Grand-mère raconte ses aventures aux enfants. Les Green sont au marché. Les animaux détrônent leur reine, Phoenix, et entrent dans la maison.</t>
  </si>
  <si>
    <t>FR70943-HDTX</t>
  </si>
  <si>
    <t>ADDITION SALÉE / LE MEILLEUR CADEAU</t>
  </si>
  <si>
    <t>Cricket invite sa famille à dîner mais Bill se demande comment son fils va payer l'addition. Tilly et Cricket se battent pour savoir si Bill prétend avoir aimé ses cadeaux de Fête des Pères.</t>
  </si>
  <si>
    <t>FR70944-HDTX</t>
  </si>
  <si>
    <t>Avenir incertain / Grand-mère au volant</t>
  </si>
  <si>
    <t>Le plan de vie de Remy est remis en question car il n'a pas préparé son récital de violon correctement. Grand-mère devient chauffeur et complice de braqueurs qu'elle conduit à travers toute la ville.</t>
  </si>
  <si>
    <t>FR70945-HDTX</t>
  </si>
  <si>
    <t>De tout petits problèmes</t>
  </si>
  <si>
    <t>King se confie à une diseuse de bonne aventure dans un carnaval qui réalise son rêve, mais il y a un prix à payer.</t>
  </si>
  <si>
    <t>FR85783-HDTX</t>
  </si>
  <si>
    <t>Comprendre Willow</t>
  </si>
  <si>
    <t>Luz, Willow et Amity se remémorent des souvenirs.</t>
  </si>
  <si>
    <t>FR80359-HDTX</t>
  </si>
  <si>
    <t>Papa Garou</t>
  </si>
  <si>
    <t>Quand Chat Noir manque de comprendre que Marinette est Ladybug, Marinette panique et lui fait croire qu’elle est amoureuse de lui pour détourner son attention. Mais ses parents assistent à sa déclaration, et Tom, absolument ravi, décide d’inviter Chat Noir à déjeuner chez les Dupain-Cheng. Mais quand le super-héros leur avoue qu’il n’est pas amoureux de Marinette, Tom a le coeur brisé et se fait akumatiser par le Papillon. Devenu Papa Garou, un immense homme-chien de garde monstrueux, il enferme Marinette dans une prison de ronces pour la protéger du monde extérieur et des peines de coeur.</t>
  </si>
  <si>
    <t>FR84367-HDTX</t>
  </si>
  <si>
    <t>Silence</t>
  </si>
  <si>
    <t>Bob Roth, père et producteur du célèbre XY, lance un appel d’offre visant à trouver de nouveaux talents. Marinette y voit une occasion en or pour les Kitty Section de se faire connaître du grand public. Elle les aide donc à réaliser et envoyer un clip pour lequel elle crée elle-même les décors et les costumes. Mais bientôt, Marinette et ses amis s’aperçoivent que Bob Roth a volé les créations de Marinette pour son fils XY. Furieux pour celle dont il est amoureux, Luka est akumatisé par le Papillon.</t>
  </si>
  <si>
    <t>FR76942-HDTX</t>
  </si>
  <si>
    <t>13:10:00</t>
  </si>
  <si>
    <t>Oni-Chan</t>
  </si>
  <si>
    <t>Quand Lila manipule Adrien, son garde du corps et même Nathalie pour entrer chez les Agreste et passer un peu de temps avec Adrien, elle prend une photo d’eux deux pour immortaliser le moment. Marinette, qui les a suivis et espionnés depuis l’extérieur, est verte de jalousie. Mais ce n’est pas la seule…</t>
  </si>
  <si>
    <t>FR84349-HDTX</t>
  </si>
  <si>
    <t>13:45:00</t>
  </si>
  <si>
    <t>Comment le père Noël a volé Noël !</t>
  </si>
  <si>
    <t>Picsou fait équipe avec son vieux rival le Père Noël pour sauver Noël et Zaza découvre l'histoire de leur querelle.</t>
  </si>
  <si>
    <t>FR83518-HDTX</t>
  </si>
  <si>
    <t>14:10:00</t>
  </si>
  <si>
    <t>14:35:00</t>
  </si>
  <si>
    <t>Le périple de Donald Duck !</t>
  </si>
  <si>
    <t>Donald tente de s'échapper de la Lune et de prévenir la Terre qu'une invasion se prépare. De son côté, Zaza aide Fifi à enquêter sur la disparition de son oncle.</t>
  </si>
  <si>
    <t>FR80644-HDTX</t>
  </si>
  <si>
    <t>L'insaisissable</t>
  </si>
  <si>
    <t>L’assistante dévouée de Jagged, se fait akumatiser par le Papillon et devient l’Insaisissable. Armée d’un stylo qui lui permet de devenir intangible quand elle le souhaite, celle qui réglait toujours les problèmes des autres va désormais tout faire pour en créer !Enfermée dans la boulangerie, Marinette devra trouver un moyen de s’éclipser et de se transformer en Ladybug pour aider Chat Noir à vaincre l’Insaisissable.Nos deux super-héros devront réussir à arrêter la vilaine avant qu’elle ne sème le chaos !</t>
  </si>
  <si>
    <t>FR32405-HDTX</t>
  </si>
  <si>
    <t>Gigantitan</t>
  </si>
  <si>
    <t>Le garde du corps d’Adrien, énervé à cause des filles, devient une cible de choix pour le Papillon. Cependant, alors que ce dernier tente de l’akumatiser, le Gorille se calme. L’akuma transforme alors un jeune enfant se trouvant sur son chemin et énervé d’avoir perdu sa tétine.Devenu Gigantitan, un bébé géant doté d’une force incroyable, l’enfant parcourt Paris à la recherche d’une nouvelle tétine, détruisant tout sur son passage.</t>
  </si>
  <si>
    <t>FR32406-HDTX</t>
  </si>
  <si>
    <t>Riposte</t>
  </si>
  <si>
    <t>Une escrimeuse perd son duel face à Adrien.Humiliée, elle se fait akumatiser par le Papillon. Devenue Riposte et armée de son sabre, elle veut se venger d’Adrien en le battant lors d’un nouveau duel. Marinette / Ladybug intervient, faisant preuve d’une rage inédite face à la super vilaine qui cherche à s’en prendre à son Adrien. Coincé entre Riposte qui veut l’attaquer et Ladybug qui veut le protéger, ce dernier ne peut pas devenir Chat Noir. Il lui faudra pourtant trouver un moyen de se transformer pour aider Ladybug à vaincre l’escrimeuse akumatisée…</t>
  </si>
  <si>
    <t>FR32407-HDTX</t>
  </si>
  <si>
    <t>Amies pour la vie</t>
  </si>
  <si>
    <t>68</t>
  </si>
  <si>
    <t>La visite d'une amie d'enfance réveille des doutes en Naomi quant à son rôle au sein du Grand Conseil.</t>
  </si>
  <si>
    <t>FR71266-HDTX</t>
  </si>
  <si>
    <t>Hanoucca</t>
  </si>
  <si>
    <t>70</t>
  </si>
  <si>
    <t>Elena aide une autre famille royale à fêter Hanoucca.</t>
  </si>
  <si>
    <t>FR71268-HDTX</t>
  </si>
  <si>
    <t>Les Pyjamasques et le Tatou-héros/Tatouro’Tom et le Turbo-Labo</t>
  </si>
  <si>
    <t>Après avoir empêché un astéroïde de s'écraser sur la ville, Tatouro’Tom pense qu'il fait partie des Pyjamasques. Roméo essaie d'utiliser les pouvoirs de Tatouro’Tom pour améliorer son laboratoire.</t>
  </si>
  <si>
    <t>FR43090-HDTX</t>
  </si>
  <si>
    <t>Bibou et les figurines de Roméo / Les Pyjamasques et le dragon</t>
  </si>
  <si>
    <t>Roméo transforme la figurine de Bibou en un dispositif qui transforme les autres Pyjamasques en figurines ! Ninjaka vole un ancien gong pour réveiller un vrai Dragon !</t>
  </si>
  <si>
    <t>FR43091-HDTX</t>
  </si>
  <si>
    <t>La soirée des talents</t>
  </si>
  <si>
    <t>Le Camp Kikiwaka accueille son spectacle annuel, l’amitié de Finn et Matteo est mise à l’épreuve alors qu’ils essaient de trouver un numéro et que Destiny tente d’impressionner Noah avec ses numéros de concours.</t>
  </si>
  <si>
    <t>FR77741-HDTX</t>
  </si>
  <si>
    <t>Mensonges et interdiction</t>
  </si>
  <si>
    <t>61</t>
  </si>
  <si>
    <t>Après que Gwen a accidentellement cassé une vitre, elle et Destiny s'enlisent dans leurs mensonges. Noah demande à Ava d’être ouverte à plus de choses en disant « oui et... » en toute occasion.</t>
  </si>
  <si>
    <t>FR77742-HDTX</t>
  </si>
  <si>
    <t>Fêter ses 13 ans</t>
  </si>
  <si>
    <t>Cami est bien décidée à organiser une grande fête pour son 13e anniversaire qui approche et qui soit différente de ses fêtes passées, où quelque chose semblait toujours aller de travers.</t>
  </si>
  <si>
    <t>FR81112-HDTX</t>
  </si>
  <si>
    <t>Dires ses quatre vérités</t>
  </si>
  <si>
    <t>Quand Coop et Fred se lancent dans une course au recyclage pour prouver qu'ils se soucient de la Terre, ils jettent accidentellement une sculpture qui a été donnée pour la collecte de fonds de Charlotte.</t>
  </si>
  <si>
    <t>FR81113-HDTX</t>
  </si>
  <si>
    <t>Épisode 83</t>
  </si>
  <si>
    <t>83</t>
  </si>
  <si>
    <t>Réalisateur: Jorge Nisco, Réalisateur: Martin Saban, Interprète: Joaquin Berthold, Interprète: Alberto Fernandez De Rosa, Interprète: Diego Ramos, Interprète: Clara Alonso, Interprète: Alberto Allende, Interprète: Diego Dominguez Llort, Interprète: Jorge Blanco, Interprète: Lodovica Comello, Interprète: Mercedes Lambre, Interprète: Mirta Wons, Interprète: Facundo Gambande, Interprète: Samuel Nascimento, Interprète: Alba Rico, Interprète: Martina Stoessel, Interprète: Florencia Benitez, Interprète: Candelaria Molfese, Interprète: Rodrigo Pedreira, Interprète: Valentina Frione, Interprète: Ezequiel Rodriguez, Interprète: Pablo Sultani, Interprète: Nicolas GarnierRéalisateur: Martin Saban, Réalisateur: Jorge Nisco, Interprète: Alba Rico, Interprète: Martina Stoessel, Interprète: Florencia Benitez, Interprète: Candelaria Molfese, Interprète: Rodrigo Pedreira, Interprète: Valentina Frione, Interprète: Ezequiel Rodriguez, Interprète: Nicolas Garnier, Interprète: Joaquin Berthold, Interprète: Alberto Fernandez De Rosa, Interprète: Diego Ramos, Interprète: Clara Alonso, Interprète: Alberto Allende, Interprète: Diego Dominguez Llort, Interprète: Jorge Blanco, Interprète: Lodovica Comello, Interprète: Pablo Sultani, Interprète: Mercedes Lambre, Interprète: Mirta Wons, Interprète: Facundo Gambande, Interprète: Samuel Nascimento</t>
  </si>
  <si>
    <t>Après la soirée karaoké, German, qui voudrait tout savoir de ce que fait sa fille, est prêt à engager un détective privé ou à la faire suivre par Ramallo.</t>
  </si>
  <si>
    <t>44min</t>
  </si>
  <si>
    <t>FJ75562-TX</t>
  </si>
  <si>
    <t>24/12/2020</t>
  </si>
  <si>
    <t>jeudi</t>
  </si>
  <si>
    <t>La photo de famille / Au secours de Remy</t>
  </si>
  <si>
    <t>Bill veut aller chez un photographe pour prendre une photo de la famille Green. Sachant qu'ils n'apprécieraient pas l'activité, Bill ment aux membres de la famille et leur fait croire qu'ils vont manger dans un restaurant nommé Le Tribunal de la Nourriture. Se rendant compte de la supercherie, les membres de la famille Green vont tout faire pour échapper à la séance photo qui leur est imposée. / Remy sèche ses cours de violon pour aller jouer avec Cricket mais ses parents s'en rendent compte. Cricket et Tilly vont tout faire pour qu'il ne soit pas envoyé en pensionnat.</t>
  </si>
  <si>
    <t>FR54569-HDTX</t>
  </si>
  <si>
    <t>La Parade / La patate bleue</t>
  </si>
  <si>
    <t>Cricket laisse Gloria s'occuper seule du café pendant qu'il va profiter de ses quinze minutes de pause pour admirer la parade. / Cricket persuade Bill de transformer son pick-up en food-truck.</t>
  </si>
  <si>
    <t>FR54570-HDTX</t>
  </si>
  <si>
    <t>Rogercop</t>
  </si>
  <si>
    <t>Lors de la journée des parents au collège, Chloé accuse Marinette de lui avoir volé son nouveau bracelet ! En essayant de ramener l’ordre dans la classe, Roger, le papa policier de Sabrina, se fait renvoyer par le Maire, M. Bourgeois. Furieux et humilié, il est akumatisé par Le Papillon. Devenu Rogercop, un super-vilain qui prétend incarner la loi, il compte se venger du Maire et faire régner une justice tyrannique sur toute la ville. Chat Noir et Ladybug devront prouver que ce sont eux les véritables justiciers de Paris et innocenter Marinette.</t>
  </si>
  <si>
    <t>FR80870-HDTX</t>
  </si>
  <si>
    <t>Mentors de Malheur / Créatures en folie</t>
  </si>
  <si>
    <t>Réalisateur: Olivier Lelardoux, Réalisateur: Bronagh O'HanlonRéalisateur: Bronagh O'Hanlon, Réalisateur: Olivier Lelardoux</t>
  </si>
  <si>
    <t>Gilbert et Sadie se disputent devant les Anciens qui les renvoient chez eux en leur ordonnant de préparer un sortilège de transformation. Le duo est toujours en froid quand une chatte magique, Purrpetua, se glisse dans la maison. / Une autre faille s'est ouverte entre le monde des humains et le royaume magique. Les Anciens font appel à Sadie pour les aider à réparer cette déchirure, mais la jeune fille insiste pour garder avec elle une pastèque.</t>
  </si>
  <si>
    <t>FR61491-HDTX</t>
  </si>
  <si>
    <t>Super Teepee / Du flair pour les galères</t>
  </si>
  <si>
    <t>Un jour, dans la cafétéria, Sadie aperçoit Sam qui trébuche avec son plateau-repas. Par réflexe, la jeune fille lance un sort pour lui éviter de tomber. Pour éviter que toute l'école n'apprenne l'existence des pouvoirs de Sadie, Teepee dit qu'il est devenu un super héros. / Mordecai décide de faire passer un test aux deux apprentis sorciers et échange leur mentor : Gilbert doit s'occuper de Blaine et Cornelius de Sadie.</t>
  </si>
  <si>
    <t>FR61467-HDTX</t>
  </si>
  <si>
    <t>Convention</t>
  </si>
  <si>
    <t>Luz étudie les assemblées de sorcières mais sa leçon prend mauvaise tournure quand elle se retrouve engagée dans un duel de magiciennes.</t>
  </si>
  <si>
    <t>FR80368-HDTX</t>
  </si>
  <si>
    <t>Le manoir animé</t>
  </si>
  <si>
    <t>Lorsque Luz, Willow et Gus animent le Manoir de la Chouette par accident, la maison devient incontrôlable et parcourt tout Osville ! Comment gérer une maison en fugue ?</t>
  </si>
  <si>
    <t>FR80369-HDTX</t>
  </si>
  <si>
    <t>Camion Stop Polly / Une caravane nommée Désir</t>
  </si>
  <si>
    <t>Ne se sentant pas appréciée à sa juste valeur, Polly imaginet un plan pour que la famille lui prête attention. Hop Pop inscrit la famille au théâtre, dans l'espoir de réaliser son rêve de devenir acteur.</t>
  </si>
  <si>
    <t>FR87861-HDTX</t>
  </si>
  <si>
    <t>Bon Hoppétit / La planque</t>
  </si>
  <si>
    <t>Au cours d'un concours de cuisine, Anne embarque la famille dans une quête pour réaliser un plat humain : la pizza. Sprig veut qu'Anne et Hop Pop se rapprochent. Pour cela, il les incite à faire une planque.</t>
  </si>
  <si>
    <t>FR70438-HDTX</t>
  </si>
  <si>
    <t>Amitiés surnaturelles !</t>
  </si>
  <si>
    <t>Coincée dans le royaume des ombres, Léna tente de protéger Zaza de son étrange nouvelle amie, Violette, au cours d'une soirée pyjama teintée de surnaturel.</t>
  </si>
  <si>
    <t>FR62628-HDTX</t>
  </si>
  <si>
    <t>Soirée jeu !</t>
  </si>
  <si>
    <t>La soirée jeu en famille qui s'annonçait tranquille tourne au cauchemar, toute la famille devra affronter des rayons rétrécisseurs, une civilisation secrète et Picsou lancé dans une compétition déloyale pour gagner.</t>
  </si>
  <si>
    <t>FR62621-HDTX</t>
  </si>
  <si>
    <t>La ballade de Duke Baleineau</t>
  </si>
  <si>
    <t>Loulou et Zaza enquêtent sur un adorable pêcheur qui pourrait bien être Archibald Gripsou.</t>
  </si>
  <si>
    <t>FR62623-HDTX</t>
  </si>
  <si>
    <t>FRIENDS: LE POUVOIR DE L'AMITIÉ</t>
  </si>
  <si>
    <t>La Compétition de Snowboard</t>
  </si>
  <si>
    <t>Réalisateur: André Bergs</t>
  </si>
  <si>
    <t>Alors que Mia s'entraine dure pour une course de snowboard, les filles doivent trouver une solution pour sauver les animaux du cabinet vétérinaire et leur offrir un refuge. Mia se blesse.</t>
  </si>
  <si>
    <t>FR36735-HDTX</t>
  </si>
  <si>
    <t>Songe d'une nuit d'hiver</t>
  </si>
  <si>
    <t>C'est le 31 décembre. Alors qu'Olivia participe au grand concours de sciences avec un robot exceptionnel, Emma gagne le concours sans le vouloir. Olivia est trés déçue mais son robot va lui faire comprendre que rien ne vaut l'amitié.</t>
  </si>
  <si>
    <t>FR36736-HDTX</t>
  </si>
  <si>
    <t>Befana</t>
  </si>
  <si>
    <t>Aujourd’hui c’est l’anniversaire de Marinette ! Pour l’occasion, ses amis et ses parents lui ont préparé une fête surprise. Mais une autre surprise l’attend : son extravagante grand-mère Gina a décidé de passer la journée avec elle ! Et lorsque Marinette préfère rejoindre ses amis plutôt que passer du temps avec elle, Gina, déçue, se fait akumatiser.Marinette arrivera-t-elle à échapper à Befana, et Ladybug osera-t-elle affronter sa propre grand-mère akumatisée ?</t>
  </si>
  <si>
    <t>FR32408-HDTX</t>
  </si>
  <si>
    <t>Rossignoble</t>
  </si>
  <si>
    <t>Laura Rossignol, une jeune chanteuse américaine, est à Paris pour tourner le clip de sa dernière chanson : une déclaration d'amour à Ladybug et Chat Noir. Mais Laura se fait akumatiser par le Papillon. Devenue Rossignoble, et armée de son micro magique, elle veut se venger de Chloé et faire de Paris une gigantesque comédie musicale, en forçant les Parisiens à chanter et danser sans s’arrêter sous peine d’être figés à jamais. Pour l’arrêter, Ladybug et Chat Noir ne devront pas perdre le rythme !</t>
  </si>
  <si>
    <t>FR56614-HDTX</t>
  </si>
  <si>
    <t>Gorizilla</t>
  </si>
  <si>
    <t>Alors que Gabriel soupçonne Adrien d’être Chat Noir, ce dernier parvient à déjouer la vigilance de son garde du corps et à sortir de chez lui. Incapable de retrouver Adrien, son garde du corps est akumatisé en Gorizilla. Commence alors une véritable chasse à l’homme. Gorizilla, doté d’un flair et d’une force hors du commun, qui traquent Adrien dans tout Paris.Marinette et Adrien parviendront-ils à leur échapper pour devenir Ladybug et Chat Noir et arrêter le super vilain ? Et Gabriel découvrira-t-il la vérité sur la double identité de son fils ?</t>
  </si>
  <si>
    <t>FR32410-HDTX</t>
  </si>
  <si>
    <t>Des pas de géants</t>
  </si>
  <si>
    <t>71</t>
  </si>
  <si>
    <t>Naomi rentre à Avalor pour mettre en garde Elena contre des sorciers malavisés.</t>
  </si>
  <si>
    <t>FR71269-HDTX</t>
  </si>
  <si>
    <t>Les Pyjamasques sauvent Noël</t>
  </si>
  <si>
    <t>73</t>
  </si>
  <si>
    <t>Découvrant qu'il est sur la liste des enfants méchants et qu'il ne recevra pas ce qu'il a demandé à Noël, Roméo décide de ruiner Noël pour tous le monde. Les Pyjamasques doivent aider le Père Noël et sauver Noël!</t>
  </si>
  <si>
    <t>FR68537-HDTX</t>
  </si>
  <si>
    <t>La montagne des Farfeloups/Les Pyjamasques et le cristal de lune</t>
  </si>
  <si>
    <t>Les enfants loups prennent la Montagne Mystère de Ninjaka. Roméo vole le Cristal de Lune, mais les Pyjamasques sont convaincus que Sorceline est la coupable.</t>
  </si>
  <si>
    <t>FR43085-HDTX</t>
  </si>
  <si>
    <t>Noël en juillet</t>
  </si>
  <si>
    <t>Quand la température baisse, Lou considère que c'est "Noël en juillet". Gwen révèle qu'elle ne comprend pas les traditions de Noël, alors Lou lui montre ce qu'est le véritable esprit de Noël.</t>
  </si>
  <si>
    <t>FR77754-HDTX</t>
  </si>
  <si>
    <t>Le Noël de Gabby</t>
  </si>
  <si>
    <t>Olivia et Gabby sont contentes car leur père leur rend visite pour Noël. Mais une tempête de neige l'empêche finalement de venir. Gabby demande à Swift de devenir son père grâce à son pouvoir de métamorphose.</t>
  </si>
  <si>
    <t>24min</t>
  </si>
  <si>
    <t>FR77784-HDTX</t>
  </si>
  <si>
    <t>21:50:00</t>
  </si>
  <si>
    <t>22:15:00</t>
  </si>
  <si>
    <t>FR86026-HDTX</t>
  </si>
  <si>
    <t>22:40:00</t>
  </si>
  <si>
    <t>23:05:00</t>
  </si>
  <si>
    <t>25/12/2020</t>
  </si>
  <si>
    <t>vendredi</t>
  </si>
  <si>
    <t>La parade/Leçon d'indépendance</t>
  </si>
  <si>
    <t>Réalisateur: Chris Houghton, Réalisateur: Matt Braly, Réalisateur: Shane HoughtonRéalisateur: Chris Houghton, Réalisateur: Matt Braly, Réalisateur: Shane Houghton</t>
  </si>
  <si>
    <t>Cricket laisse Gloria s'occuper seule du café pendant qu'il va profiter de ses quinze minutes de pause pour admirer la parade. / Bill profite d'une visite au magasin de bricolage pour donner une leçon d'indépendance à Remy,</t>
  </si>
  <si>
    <t>FR54542-HDTX</t>
  </si>
  <si>
    <t>Embouteillages / Les Green à l'hôtel</t>
  </si>
  <si>
    <t>Réalisateur: Shane Houghton, Réalisateur: Chris Houghton, Réalisateur: Matt BralyRéalisateur: Chris Houghton, Réalisateur: Matt Braly, Réalisateur: Shane Houghton</t>
  </si>
  <si>
    <t>Bill décide de partir à la campagne avec la famille Green car il ne supporte plus les bruits et la surpopulation de la ville. Mais ils vont se retrouver coincés dans un embouteillage à la sortie de Big City. / Grand-mère Alice ne supporte plus le vacarme incessant de la famille dans sa maison et les envoie passer une nuit à l'hôtel pour pouvoir se reposer et être au calme. Mais la solitude se fait sentir.</t>
  </si>
  <si>
    <t>FR54543-HDTX</t>
  </si>
  <si>
    <t>M. Pigeon</t>
  </si>
  <si>
    <t>M. Ramier aime nourrir les pigeons, mais les gardiens de parc le lui interdisent et le bannissent. Akumatisé en M. Pigeon et aidé par ses amis à plumes, il veut faire de la capitale un véritable royaume pour pigeons. Il enlève donc tous les gardiens de square, leurs ennemis jurés, et la ville se retrouve envahie par les pigeons.Ladybug et Chat Noir doivent se débarrasser de cet emplumé, mais les allergies de Chat Noir ne sont pas pour leur faciliter la tâche.</t>
  </si>
  <si>
    <t>PG19192-TX</t>
  </si>
  <si>
    <t>Elena D'Avalor S3 Ep 76</t>
  </si>
  <si>
    <t>76</t>
  </si>
  <si>
    <t>Elena continue sa quête tout en protégeant son royaume d'une famille de sorciers malfaisants et en apprenant à maîtriser ses nouveaux pouvoirs magiques.</t>
  </si>
  <si>
    <t>FR71274-HDTX</t>
  </si>
  <si>
    <t>Elena D'Avalor S3 Ep 75</t>
  </si>
  <si>
    <t>75</t>
  </si>
  <si>
    <t>FR71273-HDTX</t>
  </si>
  <si>
    <t>Col du Querrier / Gobe-mouchoir</t>
  </si>
  <si>
    <t>Hop Pop dépose Sprig et Polly sur un sentier conçu pour les aider à s'entendre. Sasha et Grime doivent concilier leurs différences pour échapper au guerrier le plus habile de Newtopia.</t>
  </si>
  <si>
    <t>FR88014-HDTX</t>
  </si>
  <si>
    <t>L'effet Domino / L'ilôt de tous les soupçons</t>
  </si>
  <si>
    <t>Anne décide d'adopter une adorable petite chenille, mais doit le cacher à Hop Pop. Le chaos règne chez les Plantaire après qu'Anne leur a fait découvrir des émissions de télé.</t>
  </si>
  <si>
    <t>FR70439-HDTX</t>
  </si>
  <si>
    <t>Le festin de la fleur !</t>
  </si>
  <si>
    <t>Donald retrouve les membres de son ancien groupe, les Trois Caballeros, pendant que sa famille visite une petite ville brésilienne abritant un terrible secret…</t>
  </si>
  <si>
    <t>FR62624-HDTX</t>
  </si>
  <si>
    <t>Le colocataire de Donald !</t>
  </si>
  <si>
    <t>Loulou recrute Hercule dans l'entreprise qu'il vient de monter. De son côté, Hercule affronte son plus grand défi : devenir le colocataire idéal de Donald.</t>
  </si>
  <si>
    <t>FR64013-HDTX</t>
  </si>
  <si>
    <t>MIRACULOUS WORLD: NEW YORK, LES HÉROS UNIS</t>
  </si>
  <si>
    <t>Réalisateur: Thomas Astruc</t>
  </si>
  <si>
    <t>La classe de Marinette doit se rendre à New York, la ville des super héros, pour célébrer la semaine de l'amitié franco-américaine. Toute la classe… sauf Adrien, car son père refuse de le laisser partir. Ladybug demande à Chat Noir de veiller sur Paris sans lui dire pourquoi elle doit s'absenter. Ce dernier prend la mission très au sérieux… mais lorsque Marinette, en tant que déléguée de classe, convainc Gabriel de laisser partir son fils avec ses camarades, Adrien a un problème. Il ne peut pas veiller en même temps sur Paris et être avec sa classe à New York. Comment va-t-il faire ?</t>
  </si>
  <si>
    <t>Télefilm</t>
  </si>
  <si>
    <t>60min</t>
  </si>
  <si>
    <t>FR87926-HDTX</t>
  </si>
  <si>
    <t>FR86016-HDTX</t>
  </si>
  <si>
    <t>FR86009-HDTX</t>
  </si>
  <si>
    <t>FR86015-HDTX</t>
  </si>
  <si>
    <t>Reflekta</t>
  </si>
  <si>
    <t>Juleka, n’a jamais réussi à être présente sur la photo de classe, victime depuis toujours d’une « malédiction ». Cette année, Marinette a décidé de l’aider à déjouer cette malchance. Mais c’était sans compter sur Chloé, qui se débrouille pour écarter Juleka de la séance photo. Marinette décide alors de faire disparaître le cliché qui a été pris pour obliger le photographe à le refaire et réconforter Juleka.</t>
  </si>
  <si>
    <t>PG19208-TX</t>
  </si>
  <si>
    <t>La Marionnettiste</t>
  </si>
  <si>
    <t>Marinette garde une nouvelle fois la petite Manon, pour qui elle a fabriqué des poupées à l’effigie de Ladybug, Chat Noir et quelques célèbres méchants. Mais suite à un malentendu, Manon est injustement accusée d’avoir volé une poupée à Marinette et se fait akumatiser. Devenue La Marionnettiste, elle donne vie aux poupées des méchants et compte bien s’emparer de celles de Ladybug et Chat Noir pour pouvoir les contrôler et donner leurs Miraculous au Papillon.</t>
  </si>
  <si>
    <t>PG19205-TX</t>
  </si>
  <si>
    <t>A l'eau, à l'eau</t>
  </si>
  <si>
    <t>Destiny profite d'une soirée danse en ligne pour organiser une collecte afin de nettoyer le lac Kikiwaka. Elle y invite Austin Justin, le comédien rival de Noah.</t>
  </si>
  <si>
    <t>FR77745-HDTX</t>
  </si>
  <si>
    <t>Le défi du Rat Musqué</t>
  </si>
  <si>
    <t>Hazel rend une visite surprise au camp Kikiwaka. Elle prétend avoir changé, donc Lou l'autorise à rester dans la cabane des garçons pendant qu'ils passent la nuit dehors pour relever un défi.</t>
  </si>
  <si>
    <t>FR77747-HDTX</t>
  </si>
  <si>
    <t>L'admiratrice secrète</t>
  </si>
  <si>
    <t>Coop et Cami se mettent en mode limitation des dégâtss quand ils apprennent que l'admirateur secret de Delaware est Ollie !</t>
  </si>
  <si>
    <t>FR84953-HDTX</t>
  </si>
  <si>
    <t>La vie avec Kramsky</t>
  </si>
  <si>
    <t>Cooper a besoin d'argent pour aller à un tournoi hors de l'État avec son équipe de hockey. Cami élabore un plan pour aider Coop à récolter de l'argent en louant secrètement leur garage.</t>
  </si>
  <si>
    <t>FR81116-HDTX</t>
  </si>
  <si>
    <t>Épisode 84</t>
  </si>
  <si>
    <t>84</t>
  </si>
  <si>
    <t>Réalisateur: Jorge Nisco, Réalisateur: Martin Saban, Interprète: Nicolas Garnier, Interprète: Joaquin Berthold, Interprète: Alberto Fernandez De Rosa, Interprète: Diego Ramos, Interprète: Clara Alonso, Interprète: Alberto Allende, Interprète: Diego Dominguez Llort, Interprète: Jorge Blanco, Interprète: Lodovica Comello, Interprète: Pablo Sultani, Interprète: Mercedes Lambre, Interprète: Mirta Wons, Interprète: Facundo Gambande, Interprète: Samuel Nascimento, Interprète: Alba Rico, Interprète: Martina Stoessel, Interprète: Florencia Benitez, Interprète: Candelaria Molfese, Interprète: Rodrigo Pedreira, Interprète: Valentina Frione, Interprète: Ezequiel RodriguezRéalisateur: Martin Saban, Réalisateur: Jorge Nisco, Interprète: Alba Rico, Interprète: Martina Stoessel, Interprète: Florencia Benitez, Interprète: Candelaria Molfese, Interprète: Rodrigo Pedreira, Interprète: Valentina Frione, Interprète: Ezequiel Rodriguez, Interprète: Nicolas Garnier, Interprète: Joaquin Berthold, Interprète: Alberto Fernandez De Rosa, Interprète: Diego Ramos, Interprète: Clara Alonso, Interprète: Alberto Allende, Interprète: Diego Dominguez Llort, Interprète: Jorge Blanco, Interprète: Lodovica Comello, Interprète: Pablo Sultani, Interprète: Mercedes Lambre, Interprète: Mirta Wons, Interprète: Facundo Gambande, Interprète: Samuel Nascimento</t>
  </si>
  <si>
    <t>Violetta se dispute avec son père car il l’a suivie. Broadway met en garde DJ et lui suggère de ne pas s’approcher de Camila. Pablo est de plus en plus distant avec Angie et se rapproche de Jackie.</t>
  </si>
  <si>
    <t>42min</t>
  </si>
  <si>
    <t>FJ75563-TX</t>
  </si>
  <si>
    <t xml:space="preserve">AMPHIBIA </t>
  </si>
  <si>
    <t>DJFR</t>
  </si>
  <si>
    <t>LA MAISON DE MICKEY</t>
  </si>
  <si>
    <t>Mickey sauve Noël</t>
  </si>
  <si>
    <t>Réalisateur: Rob LaDuca, Interprète: They Might Be GiantsRéalisateur: Rob LaDuca, Interprète: They Might Be Giants</t>
  </si>
  <si>
    <t>Mickey et ses amis font leur liste de cadeaux au père Noël.</t>
  </si>
  <si>
    <t>2005</t>
  </si>
  <si>
    <t>FR30238-HDTX</t>
  </si>
  <si>
    <t>06:30:00</t>
  </si>
  <si>
    <t>Dingo a disparu</t>
  </si>
  <si>
    <t>89</t>
  </si>
  <si>
    <t>Réalisateur: Rob LaDuca, Réalisateur: Sherie Pollack, Interprète: They Might Be GiantsRéalisateur: Rob LaDuca, Réalisateur: Sherie Pollack, Interprète: They Might Be Giants</t>
  </si>
  <si>
    <t>C'est la panique dans la maison de Mickey : Dingo a disparu ! Daisy l'espionne, Minnie la détective et Capitaine Clarabelle vont se charger d'élucider le mystère.</t>
  </si>
  <si>
    <t>FR31307-HDTX</t>
  </si>
  <si>
    <t>GIGANTOSAURUS</t>
  </si>
  <si>
    <t>L'île / Cave ou pas cave ?</t>
  </si>
  <si>
    <t>Réalisateur: Olivier LelardouxRéalisateur: Olivier Lelardoux</t>
  </si>
  <si>
    <t>Bill a peur de plein de choses, mais pas de l’eau ; il sait très bien nager. Quand les enfants passent la nuit au bord du lac, et que son nénuphar glisse sur l’eau pour se retrouver au beau milieu, il ne panique pas. Rocky oui, par contre ! Eh oui, le dur de dur a la trouille de l’eau et ne sait pas nager. C’est donc au tour de Bill de rassurer et protéger son copain. / Ignatius raconte que dans la Grotte qui Hurle vit le « hurlosaure », un terrible dino gigantesque au rugissement épouvantable. La grotte n’est pas un endroit pour les petits dinos !</t>
  </si>
  <si>
    <t>FR65957-HDTX</t>
  </si>
  <si>
    <t>07:30:00</t>
  </si>
  <si>
    <t>T.O.T.S.</t>
  </si>
  <si>
    <t>Avec ou sans rayures / Une livraison qui fait plouf !</t>
  </si>
  <si>
    <t>Pipou et Freddy essayent de trouver de quelle espèce est l'animal mystérieux qu'ils doivent livrer. Les livreurs débutants se retrouvent malheureusement avec une fuite dans la caisse du bébé pieuvre qu'ils doivent livrer.</t>
  </si>
  <si>
    <t>FR72105-HDTX</t>
  </si>
  <si>
    <t>08:00:00</t>
  </si>
  <si>
    <t>BLUEY</t>
  </si>
  <si>
    <t>Les Grands-mères</t>
  </si>
  <si>
    <t>Réalisateur: Richard Jeffery, Réalisateur: Joe BrummRéalisateur: Richard Jeffery, Réalisateur: Joe Brumm</t>
  </si>
  <si>
    <t>Bingo et Bluey s'amusent beaucoup à jouer aux grands-mères jusqu'à ce que la question de savoir si ces dernières peuvent danser le Swing les oppose. Elles appellent Nana pour avoir la réponse.</t>
  </si>
  <si>
    <t>Australie</t>
  </si>
  <si>
    <t>FR79399-HDTX</t>
  </si>
  <si>
    <t>08:10:00</t>
  </si>
  <si>
    <t>Camping</t>
  </si>
  <si>
    <t>Bluey fait du camping dans la forêt et se fait un nouvel ami, Johnny. Bluey ne le comprend peut-être pas, mais ils trouvent une langue commune en jouant et en chassant un gros sanglier.</t>
  </si>
  <si>
    <t>FR79416-HDTX</t>
  </si>
  <si>
    <t>08:20:00</t>
  </si>
  <si>
    <t>Imitation</t>
  </si>
  <si>
    <t>Bluey s'amuse à imiter tout ce que papa dit et fait, mais le jeu devient sérieux lorsque Bluey trouve une perruche blessée qu'ils doivent emmener d'urgence chez le vétérinaire.</t>
  </si>
  <si>
    <t>FR79410-HDTX</t>
  </si>
  <si>
    <t>08:30:00</t>
  </si>
  <si>
    <t>Les Pirates</t>
  </si>
  <si>
    <t>Bluey, Bingo et Missy jouent aux pirates dans le hamac, c’est l’aventure en haute mer. Mais il leur faudra du courage pour braver tempêtes et attaques de baleines.</t>
  </si>
  <si>
    <t>FR79398-HDTX</t>
  </si>
  <si>
    <t>08:40:00</t>
  </si>
  <si>
    <t>Taquineries</t>
  </si>
  <si>
    <t>Bluey, Bingo et Maman débattent avec Papa de la définition de taquiner. Elles se rappellent chaque fois où il a été un « gros taquin », Papa affirme qu'il « jouait seulement ».</t>
  </si>
  <si>
    <t>FR79421-HDTX</t>
  </si>
  <si>
    <t>Les mamans et les papas</t>
  </si>
  <si>
    <t>Jouant au papa et à la maman, Indy et Rusty s’opposent sur celui qui doit travailler, alors ils se séparent. Indy peine à trouver une baby-sitter, tandis que Bluey prend Rusty comme bébé !</t>
  </si>
  <si>
    <t>FR79414-HDTX</t>
  </si>
  <si>
    <t>09:00:00</t>
  </si>
  <si>
    <t>LES AVENTURES DE MICKEY ET SES AMIS</t>
  </si>
  <si>
    <t>Mickey Mouse Mixed-Up Adventures</t>
  </si>
  <si>
    <t>Nos amis ont du mal à se déconnecter de leurs appareils alors qu'il font du camping. Pour commémorer les 100 ans de Hotdogville, Minnie, Daisy et Coucou-Loulou aident Clarabelle à monter une pièce.</t>
  </si>
  <si>
    <t>FR82282-HDTX</t>
  </si>
  <si>
    <t>09:30:00</t>
  </si>
  <si>
    <t>Hot-dog! Mélangez-vous avec Mickey et tous ses amis dans sa nouvelle maison à Hot Dog Hills. Mickey, Donald, Dingo, Minnie, Daisy, Pluton et Chip 'n Dale ont de nouvelles surprises en magasin!</t>
  </si>
  <si>
    <t>FR82273-HDTX</t>
  </si>
  <si>
    <t>10:00:00</t>
  </si>
  <si>
    <t>T.O.T.S. S1 Ep 14</t>
  </si>
  <si>
    <t>Pipou et Freddy enseignent au bébé renne la joie d'offrir à Noël ! Pipou et Freddy ont malencontreusement tondu le bébé mouton et vont devoir trouver une solution pour lui rendre sa laine.</t>
  </si>
  <si>
    <t>FR72089-HDTX</t>
  </si>
  <si>
    <t>10:30:00</t>
  </si>
  <si>
    <t>VAMPIRINA</t>
  </si>
  <si>
    <t>Vampirina S2</t>
  </si>
  <si>
    <t>Vampirina est un petit vampire. Avec ses parents, elle a quitté la Transylvanie pour s’installer en Pennsylvanie et doit apprendre à vivre parmi les humains.</t>
  </si>
  <si>
    <t>FR64485-HDTX</t>
  </si>
  <si>
    <t>LA MAISON DE MICKEY - MICKEY FAIT LA COURSE</t>
  </si>
  <si>
    <t>Réalisateur: Rob Laduca/ Sherie Pollack</t>
  </si>
  <si>
    <t>Aujourd'hui, Mickey et ses amis organisent un rallye routier. À l'aide de leurs véhicules, ils vont devoir passer par plusieurs endroits afin de trouver les points de repères Mickey. Que le rallye commence !</t>
  </si>
  <si>
    <t>2010</t>
  </si>
  <si>
    <t>47min</t>
  </si>
  <si>
    <t>FR32754-HDTX</t>
  </si>
  <si>
    <t>12:00:00</t>
  </si>
  <si>
    <t>Cache-cache</t>
  </si>
  <si>
    <t>Toute la famille joue à cache-cache. C'est à Bluey de chercher, elle compte jusqu'à vingt mais pourra-t'elle rester concentrée sur le jeu et ne pas se laisser distraire par tous ses jouets ?</t>
  </si>
  <si>
    <t>FR79415-HDTX</t>
  </si>
  <si>
    <t>12:10:00</t>
  </si>
  <si>
    <t>L'Hotel</t>
  </si>
  <si>
    <t>Réalisateur: Joe Brumm, Réalisateur: Richard JefferyRéalisateur: Richard Jeffery, Réalisateur: Joe Brumm</t>
  </si>
  <si>
    <t>Papa se trouve embarqué dans le "Jeu de L'hôtel", dans lequel Bluey et Bingo dirigent un hôtel très farfelu dont Papa est le malheureux client. Mais comme Bluey commence à tout décider dans le jeu, Bingo cesse de jouer, mettant sa sœur dans l'obligation d'apprendre à faire des compromis pour que le jeu puisse se poursuivre.</t>
  </si>
  <si>
    <t>FR79380-HDTX</t>
  </si>
  <si>
    <t>Le Xylophone Magique</t>
  </si>
  <si>
    <t>Bluey et Bingo retrouvent un xylophone magique qui a le pouvoir de pétrifier les gens. Elles s'en servent aux dépens de Papa, le figeant dans des positions drôles mais peu flatteuses. Bluey, grisée par ce pouvoir, ne veut pas prêter le xylophone à Bingo malgré les injonctions de Maman. Papa, profitant du conflit entre ses filles, réussit à s'emparer du xylophone et paralyse Bluey dont le seul espoir de libération dépend de Bingo. Les fillettes finissent par s'entendre et collaborent pour récupérer le xylophone magique au grand dam de Papa qui se retrouve à leur merci.</t>
  </si>
  <si>
    <t>FR79379-HDTX</t>
  </si>
  <si>
    <t>12:30:00</t>
  </si>
  <si>
    <t>Ratpoulet</t>
  </si>
  <si>
    <t>À l'heure du coucher, Bingo a oublié où elle a laissé sa chère Floppy ! Revenant sur leurs pas, Bingo et Bluey revivent leur journée avec Maman, en espérant la retrouver.</t>
  </si>
  <si>
    <t>FR81482-HDTX</t>
  </si>
  <si>
    <t>12:40:00</t>
  </si>
  <si>
    <t>Papillons</t>
  </si>
  <si>
    <t>Le jeu des papillons est très amusant au jardin, mais Bluey part avec Judo, laissant Bingo toute seule. La pauvre Bingo est malheureuse et Bluey doit se racheter.</t>
  </si>
  <si>
    <t>FR79385-HDTX</t>
  </si>
  <si>
    <t>12:50:00</t>
  </si>
  <si>
    <t>Le Docteur / La Griffe / Le Marché</t>
  </si>
  <si>
    <t>La visite de Honey chez le Dr Bingo est sans arrêt interrompu. Maman et papa créent leur propre machine à griffe magique ! Bluey emmène avec elle l'argent que la petite souris lui a donné.</t>
  </si>
  <si>
    <t>FR79427-HDTX</t>
  </si>
  <si>
    <t>Les Pirates / La Disparition / Les Voisins</t>
  </si>
  <si>
    <t>Bluey et Bingo jouent aux pirates sur le hamac. Le jouet préféré de Bingo disparaît. Bluey ne sait pas comment gérer ses voisins bruyants.</t>
  </si>
  <si>
    <t>FR79386-HDTX</t>
  </si>
  <si>
    <t>Shaun</t>
  </si>
  <si>
    <t>Le désir de Bluey et Bingo d'avoir un animal domestique est mis à rude épreuve quand Papa fait apparaître Shaun, un émeu caractériel qui met la maison sens dessus-dessous et refuse d'obéir. Maman conseille à Bluey de rester "calme et maîtresse d'elle" et quand Shaun s'enfuit, Bluey, s'inspirant du conseil, parvient à l'arrêter avec calme et autorité. Une fois que Bluey contrôle Shaun, Papa est pris à son propre jeu et doit obéir à sa fille au doigt et à l'œil ! Le lendemain matin, il est épuisé mais heureux que Shaun soit parti jusqu'à ce que les fillettes lui présentent quatre bébés émeus</t>
  </si>
  <si>
    <t>FR79424-HDTX</t>
  </si>
  <si>
    <t>13:20:00</t>
  </si>
  <si>
    <t>La Piscine</t>
  </si>
  <si>
    <t>En préparant leurs affaires pour aller à la psicine, Bluey et Papa se moquent de Maman car ils la trouvent excessive dans son organisation. Mais en arrivant à la piscine, ils réalisent qu'elle avait raison, puisqu'ils ont oublié beaucoup d'objets importants.</t>
  </si>
  <si>
    <t>FR83647-HDTX</t>
  </si>
  <si>
    <t>Bob, le Bilby</t>
  </si>
  <si>
    <t>Lorsque c'est au tour de Bingo d'emmener Bob, le bilby, la marionnette de la maternelle à la maison et de raconter son week-end dans le scrapbook, la famille décide de laisser de côté ses écrans pour lui faire passer un bon moment.</t>
  </si>
  <si>
    <t>FR79382-HDTX</t>
  </si>
  <si>
    <t>13:40:00</t>
  </si>
  <si>
    <t>Bicyclette</t>
  </si>
  <si>
    <t>Au parc, Bluey se bat avec sa bicyclette sans y arriver. Mais en observant avec Papa la détermination que mettent ses amis à accomplir leur tâches, Bluey décide de persévérer.</t>
  </si>
  <si>
    <t>FR79381-HDTX</t>
  </si>
  <si>
    <t>13:50:00</t>
  </si>
  <si>
    <t>Bluey S1 Ep 20</t>
  </si>
  <si>
    <t>Bluey est une petite chienne bouvier australien âgée de six ans et elle est inépuisable. Elle adore jouer et transforme la vie de famille en une aventure quotidienne en y mettant toute son imagination, son intelligence et sa ténacité physique et mentale.</t>
  </si>
  <si>
    <t>6min</t>
  </si>
  <si>
    <t>FR79391-HDTX</t>
  </si>
  <si>
    <t>La Chauve-souris</t>
  </si>
  <si>
    <t>N'étant pas autorisée à se coucher tard, Bluey rêve qu'elle est une chauve-souris afin de pouvoir rester éveillée toute la nuit. Elle se retrouve bientôt à voler dans la nuit étoilée.</t>
  </si>
  <si>
    <t>FR79429-HDTX</t>
  </si>
  <si>
    <t>Les Espions</t>
  </si>
  <si>
    <t>Quand Bingo cesse de jouer au jeu d'espions de Bluey, les stratagèmes pour contrôler les adultes ne fonctionnent plus ! Bluey comprend l'importance de Bingo et doit la convaincre de reprendre le jeu.</t>
  </si>
  <si>
    <t>FR79383-HDTX</t>
  </si>
  <si>
    <t>14:20:00</t>
  </si>
  <si>
    <t>Le Week-end / Le Barbecue / La Chauve-souris Frugivore</t>
  </si>
  <si>
    <t>Bingo s'énerve lorsque son père ne remarque pas la sauterelle qui marche dans le jardin. Bingo prépare la meilleure salade au monde. Bluey rêve d'être une chauve-souris frugivore nocturne.</t>
  </si>
  <si>
    <t>FR79390-HDTX</t>
  </si>
  <si>
    <t>14:30:00</t>
  </si>
  <si>
    <t>Le Trampoline</t>
  </si>
  <si>
    <t>Papa est un champion du trampoline mais quand il doit aller travailler, Bluey et Bingo veulent qu'il continue à jouer avec elles et refusent de le laisser partir. Elle l'obligent à se restaurer et inventent un jeu "petit-déjeuner". Il doit manger des toasts, des œufs et doit aussi avaler un horrible smoothie. Mais, les meilleures choses ont une fin et Papa, avant de partir, confie le soin à une Bluey au bord des larmes d'inventer ses propres jeux.</t>
  </si>
  <si>
    <t>FR79405-HDTX</t>
  </si>
  <si>
    <t>14:40:00</t>
  </si>
  <si>
    <t>Bluey S1 Ep 52</t>
  </si>
  <si>
    <t>FR79426-HDTX</t>
  </si>
  <si>
    <t>Bluey S1 Ep 5</t>
  </si>
  <si>
    <t>FR79423-HDTX</t>
  </si>
  <si>
    <t>ROCKETEER</t>
  </si>
  <si>
    <t>Contrôle au sol à Rocketeer / Sauvons la statue</t>
  </si>
  <si>
    <t>Tesh apporte à son vélo des modifications extrêmes mais finalement pas aussi utiles qu’il l’espérait. Kit, Tesh et Butch collectent des fonds pour réparer la statue du Rocketeer original.</t>
  </si>
  <si>
    <t>FR79563-HDTX</t>
  </si>
  <si>
    <t>Les Loup-garettes de Transylvanie.</t>
  </si>
  <si>
    <t>Edgar suit les Louvettes qui partent en vamping avec les Loup-garettes, en Transylvanie. Vampirina et les filles lui révèlent alors l'existence des monstres.</t>
  </si>
  <si>
    <t>FR64496-HDTX</t>
  </si>
  <si>
    <t>16:00:00</t>
  </si>
  <si>
    <t>Vol de nuit / Pingouin glissant</t>
  </si>
  <si>
    <t>Freddy doit surmonter sa peur du noir car Pipou et lui doivent effectuer leur première livraison de nuit. Pipou voudrait que la prochaine livraison soit rapide mais ils doivent livrer un bébé paresseux !</t>
  </si>
  <si>
    <t>FR72106-HDTX</t>
  </si>
  <si>
    <t>16:30:00</t>
  </si>
  <si>
    <t>17:00:00</t>
  </si>
  <si>
    <t>Rocketeer</t>
  </si>
  <si>
    <t>Kit Secord a 7 ans et elle rêve de devenir pilote. Elle reprend le flambeau de Rocketeer, super-héros qui arrivait à voler grâce à son rocket-pack ! Avec ses supers équipements et son identité secrète, Kit survole Hughesville et protège ses habitants. Pour l'aider dans ses missions, elle peut compter sur son meilleur ami Tesh, son bouledogue Butch et son grand-père, mécanicien aéronautique, Ambrose Secord.</t>
  </si>
  <si>
    <t>FR79551-HDTX</t>
  </si>
  <si>
    <t>17:30:00</t>
  </si>
  <si>
    <t>LA MAISON DE MICKEY : MICKEY DANS L’ESPACE</t>
  </si>
  <si>
    <t>Le Professeur Von Drake décide d'envoyer Mickey et ses amis dans l'espace à la découverte d'un trésor sur une planète mystérieuse. Mais Pat le Pirate a l'air bien décidé à suivre nos amis. Il part à leur recherche, accompagné de Courniquette.</t>
  </si>
  <si>
    <t>Special</t>
  </si>
  <si>
    <t>46min</t>
  </si>
  <si>
    <t>FR31523-HDTX</t>
  </si>
  <si>
    <t>18:30:00</t>
  </si>
  <si>
    <t>LA GARDE DU ROI LION</t>
  </si>
  <si>
    <t>La fête de Kupatana</t>
  </si>
  <si>
    <t>Réalisateur: Howy ParkinsRéalisateur: Howy Parkins</t>
  </si>
  <si>
    <t>Kion laisse accidentellement des chacals entrer sur la Terre des Lions.</t>
  </si>
  <si>
    <t>FR30332-HDTX</t>
  </si>
  <si>
    <t>PRINCESSE SOFIA</t>
  </si>
  <si>
    <t>Le cadeau idéal</t>
  </si>
  <si>
    <t>Réalisateur: Jamie Mitchell, Réalisateur: Mircea Mantta</t>
  </si>
  <si>
    <t>Sofia aide un jeune faune à annuler un sort tandis que la Princesse Tiana lui apprend que les véritables cadeaux viennent du cœur.</t>
  </si>
  <si>
    <t>FR30634-HDTX</t>
  </si>
  <si>
    <t>19:30:00</t>
  </si>
  <si>
    <t>Dans la peau de Clovis</t>
  </si>
  <si>
    <t>Réalisateur: Jamie Mitchell</t>
  </si>
  <si>
    <t>Sofia cède aux pressions de ses camarades et transgresse le règlement en acceptant d'emmener Clovis son animal de compagnie à l'école.</t>
  </si>
  <si>
    <t>FR30626-HDTX</t>
  </si>
  <si>
    <t>Bibou et la fusée / Yoyo fait son show</t>
  </si>
  <si>
    <t>Réalisateur: Christian De Vita, Réalisateur: Merle-Anne RidleyRéalisateur: Merle-Anne Ridley</t>
  </si>
  <si>
    <t>Roméo s'infiltre dans le QG des Pyjamasques et découvre les pouvoirs de leur fusée ultra-secrète. Yoyo comprend que le panache importe peu, du moment qu'on réussit la mission.</t>
  </si>
  <si>
    <t>Computer-Animation</t>
  </si>
  <si>
    <t>FR30371-HDTX</t>
  </si>
  <si>
    <t>20:30:00</t>
  </si>
  <si>
    <t>Bibou, l'oiseau rare / Yoyo tambour battant</t>
  </si>
  <si>
    <t>Quand Roméo s'empare du pouvoir de Bibou, il se dote, ainsi que Gluglu et Yoyo, du pouvoir de voler. Ninjaka veut transformer le défilé de Yoyo en sa propre "ninja parade" !</t>
  </si>
  <si>
    <t>FR30372-HDTX</t>
  </si>
  <si>
    <t>Gluglu sauve Noël / Le plan glacé de Gluglu</t>
  </si>
  <si>
    <t>Réalisateur: Merle-Anne Ridley, Réalisateur: Christian De VitaRéalisateur: Merle-Anne Ridley</t>
  </si>
  <si>
    <t>Sorceline est en train de dérober tous les cadeaux de Noël afin de les garder pour elle ! Grâce à sa nouvelle invention diabolique, Roméo veut transformer la ville en patinoire géante.</t>
  </si>
  <si>
    <t>FR30357-HDTX</t>
  </si>
  <si>
    <t>Talent-o-saurus / Marsh le raptor</t>
  </si>
  <si>
    <t>Rocky est le meilleur. Enfin, c’est lui qui le dit. Quand Tiny organise un concours de talents pour Crétacia, il n’a aucun doute qu’il va gagner. Mais quand même, à force de voir tout le monde s’entraîner, se préparer, s’échauffer… Il se dit qu’il devrait peut-être déjà trouver quel est son talent !! / Marshall le stégosaure ne peut pas participer à un jeu avec nos quatre héros, et se retrouve embarqué par les raptors. Ces derniers veulent jouer un mauvais tour à Giganto, et font croire au jeune Marsh que tout ça est innocent ! Lui est trop content d’avoir des copains avec qui jouer...</t>
  </si>
  <si>
    <t>FR65942-HDTX</t>
  </si>
  <si>
    <t>Coco Bill / Frères et Soeurs</t>
  </si>
  <si>
    <t>Bill surprend Rugo à chiper toutes les noix de coco du coin. Elle n’en laisse à personne ! Bill se met donc en quête du plus de noix de coco possible pour se faire une réserve géante, avant que Rugo n’ait tout pris. Ses amis s’étonnent, mais Bill n'écoute pas... / Tiny entend un drôle de bruit, très joli… Et surprend Totor, qui souffle dans un roseau ! Le jeune raptor n’a même pas conscience de faire de la musique. Mais Cror n’est pas contente : les raptors rugissent, ils ne font pas de la musique !</t>
  </si>
  <si>
    <t>FR65953-HDTX</t>
  </si>
  <si>
    <t>22:30:00</t>
  </si>
  <si>
    <t>Interdiction de cueillir les fleurs / Sans blague !</t>
  </si>
  <si>
    <t>Bill goûte à une fleur du marais : c’est siiiiiiii bon ! Mazu le met en garde : il ne faut pas en manger plus, car sinon cela dérangerait l’écosystème. Mais Bill n’écoute pas. Il y a plein de fleurs !! En prendre un peu plus (et un peu plus, et un peu plus) ne devrait pas être un problème… si ? / Tiny se sent un peu négligée par ses amis qui n’écoutent plus ses blagues. Dilo par contre, est toujours prêt à rire de tout. Avec lui, Tiny décide de se rendre au sommet du Mont de l’Oubli pour y raconter la meilleure blague du monde à tout Crétacia !</t>
  </si>
  <si>
    <t>FR65961-HDTX</t>
  </si>
  <si>
    <t>Le grand méchant vert / Le rugissement de Giganto</t>
  </si>
  <si>
    <t>Il s’est passé quelque chose pendant la nuit… Termy a été expulsée du lac et se retrouve, avec les autres poissons, en haut d’un arbre ! La plage est en désordre, et l’eau du lac est chaude. Les habitants de Crétacia sont sans appel : c’est la faute de Giganto ! / Rocky veut rugir comme Giganto : ce serait trop cool et impressionnant ! Mais comment y arriver ? Marshall lui raconte alors « comment Giganto a eu son rugissement » : quand il était petit, Giganto a attrapé le rugissement de quelqu’un d’autre dans une noix de coco, l’a bu, et voilà ! Rocky veut faire pareil...</t>
  </si>
  <si>
    <t>FR79479-HDTX</t>
  </si>
  <si>
    <t>23:30:00</t>
  </si>
  <si>
    <t>LES NUITS DE Disney Junior France</t>
  </si>
  <si>
    <t>Le spectacle de fleurs de Minnie et Daisy</t>
  </si>
  <si>
    <t>90</t>
  </si>
  <si>
    <t>Minnie et Daisy veulent faire un spectacle de fleurs mais elles n'ont pas encore poussé. Elles vont donc tenter de faire pleuvoir les nuages...</t>
  </si>
  <si>
    <t>FR31309-HDTX</t>
  </si>
  <si>
    <t>Pluto, chien des neiges</t>
  </si>
  <si>
    <t>Réalisateur: Rob LaDuca, Réalisateur: Vic Cook, Réalisateur: Donovan Cook, Réalisateur: Sherie Pollack, Interprète: They Might Be GiantsRéalisateur: Vic Cook, Réalisateur: Donovan Cook, Réalisateur: Rob LaDuca, Réalisateur: Sherie Pollack, Interprète: They Might Be Giants</t>
  </si>
  <si>
    <t>Donald et Dingo ont fait un bonhomme de neige.</t>
  </si>
  <si>
    <t>FR30677-HDTX</t>
  </si>
  <si>
    <t>L'épreuve du Tricératops ! / Tremblement de pierres</t>
  </si>
  <si>
    <t>Troy annonce à Tiny, sa petite sœur, qu’elle va passer l’Epreuve du Tricératops : prouver qu’elle est capable de déraciner et lancer un arbre, de déstabiliser un autre tricératops avec ses cornes, et de marteler le sol si fort qu’elle en fait trembler la jungle. Tiny est pleine de bonne volonté, mais elle ne peut pas s’empêcher de tout faire à sa sauce. / Quand Rocky se blesse en tentant de battre un record, il refuse l’aide de ses amis. Quand un tremblement de pierre se déclenche, il se précipite vers sa source pour y mettre fin, au mépris de son pied endolori.</t>
  </si>
  <si>
    <t>FR65958-HDTX</t>
  </si>
  <si>
    <t>Les dangers du hoquet / La grande course avec le robot</t>
  </si>
  <si>
    <t>Le hoquet de Pipou menace la prochaine livraison, il demande donc l'impossible à Freddy : lui faire peur pour que cela cesse. Pipou et Freddy doivent prouver que de vrais livreurs valent mieux qu'un drone cigogne.</t>
  </si>
  <si>
    <t>FR72107-HDTX</t>
  </si>
  <si>
    <t>À cheval / L'Hôtel / Le Vélo</t>
  </si>
  <si>
    <t>Les enfants organisent un mariage à cheval ! Bluey, Bingo et leur papa jouent au jeu "Hôtel." Bluey ne parvient pas à rouler en vélo mais n'abandonne pas.</t>
  </si>
  <si>
    <t>FR79401-HDTX</t>
  </si>
  <si>
    <t>Bob Bilby / Le Jeux d'Espion / La Livraison</t>
  </si>
  <si>
    <t>C'est au tour de Bingo de s'occuper de Bob Bilby, l'animal de compagnie de Kindy. Bingo décide d'arrêter de jouer à un jeu et cela sème la zizanie. Quand on doit patienter, cinq minutes peuvent paraître une éternité.</t>
  </si>
  <si>
    <t>FR79412-HDTX</t>
  </si>
  <si>
    <t>L'aventure</t>
  </si>
  <si>
    <t>37</t>
  </si>
  <si>
    <t>Princesses, chevaux et baguettes magiques. Bluey et Chloé peuvent jouer tous les personnages, et se lancent dans une aventure au parc pour sauver le royaume de la Reine cupide</t>
  </si>
  <si>
    <t>FR79409-HDTX</t>
  </si>
  <si>
    <t>Les Montagnes bleues</t>
  </si>
  <si>
    <t>Bluey, Bingo, Maman and Papa jouent aux marionnettes, explorant la terre au-delà des Montagnes bleues où ils déjouent le Renard effronté pour trouver les lits les plus doux du monde.</t>
  </si>
  <si>
    <t>FR79392-HDTX</t>
  </si>
  <si>
    <t>La Pince</t>
  </si>
  <si>
    <t>Bluey et Bingo n'ayant pu attraper des lots de la machine à Pince Magique, Papa et Maman créent leur propre version à la maison. Mais avec Papa, il n'est pas facile de gagner !</t>
  </si>
  <si>
    <t>FR79389-HDTX</t>
  </si>
  <si>
    <t>Le Dingosaure / Les bénévoles à la maison du thé</t>
  </si>
  <si>
    <t>La visite de Tokyo tourne mal quand Dingo libère par accident un robot dinosaure dans les rues de la ville. Minnie emmène ses amies à participer à la traditionnelle cérémonie du thé Japonaise.</t>
  </si>
  <si>
    <t>FR82284-HDTX</t>
  </si>
  <si>
    <t>FR82278-HDTX</t>
  </si>
  <si>
    <t>FANCY NANCY CLANCY</t>
  </si>
  <si>
    <t>La danse de l'amitié/ Les nouvelles chaussures</t>
  </si>
  <si>
    <t>Réalisateur: Krista TuckerRéalisateur: Krista Tucker</t>
  </si>
  <si>
    <t>Nancy apprend à faire des compromis lorsqu'elle crée un pas-de-deux avec Bree pour leur cours de danse. Nancy trouve les chaussures de ses rêves mais sa famille ne veut pas les acheter.</t>
  </si>
  <si>
    <t>FR62011-HDTX</t>
  </si>
  <si>
    <t>Camping distingué! / La Coiffeuse de Grand-mère</t>
  </si>
  <si>
    <t>Nancy essaie de faire avec l'orage qui menace le camping de la famille. Quand elle demande la coiffeuse de Grand-mère, Nancy apprend qu'elle est pleine de souvenirs pour Grand-père.</t>
  </si>
  <si>
    <t>FR61988-HDTX</t>
  </si>
  <si>
    <t>Un goûter mouvementé / Adoptons un papillon</t>
  </si>
  <si>
    <t>Après avoir cassé un trésor de famille, Nancy tente de le cacher. Nancy trouve un papillon et veut le garder.</t>
  </si>
  <si>
    <t>FR61987-HDTX</t>
  </si>
  <si>
    <t>Adieu, Madame Meuh/ Nancy Clancy, productrice de génie !</t>
  </si>
  <si>
    <t>Nancy essaie d'empêcher qu'on vende un de ses anciens jouets sans révéler qu'elle tient à ce "jouet de bébé". Nancy produit le premier spectacle comique de Lionel, mais il a trop le trac pour monter sur scène !</t>
  </si>
  <si>
    <t>FR61989-HDTX</t>
  </si>
  <si>
    <t>Le Café parfait / Mademoiselle Maman</t>
  </si>
  <si>
    <t>Tout allait bien pour le nouveau restaurant de Nancy et Bree jusqu'à ce que Grace veuille en écrire une critique ! Nancy remplace sa maman enrhumée pour une journée.</t>
  </si>
  <si>
    <t>FR61990-HDTX</t>
  </si>
  <si>
    <t>Le Test de maturité / Deux reines pour le prix d'une</t>
  </si>
  <si>
    <t>Quand la patronne de papa est invitée à dîner à la maison, Nancy veut prouver qu'elle est assez grande pour rester avec les adultes. Nancy est contrariée quand sa serveuse préférée accorde beaucoup d''attention à Jojo.</t>
  </si>
  <si>
    <t>FR61991-HDTX</t>
  </si>
  <si>
    <t>Virée à la fête foraine / Le Songbird reprend vie !</t>
  </si>
  <si>
    <t>L'Eternel Orsino arrive en ville avec la fête foraine et tente de voler le rocket-pack de Kit. Kit devient amie avec une ancienne pilote et lui donne le courage de revoler !</t>
  </si>
  <si>
    <t>FR79564-HDTX</t>
  </si>
  <si>
    <t>Les Nouveaux Voisins / L’Auberge à cauchemars</t>
  </si>
  <si>
    <t>Réalisateur: Ehud Landsberg, Réalisateur: Nicky Phelan</t>
  </si>
  <si>
    <t>Vampirina, qui vient d’emménager en Pennsylvanie avec ses parents, est impatiente de se faire des amis. / Les parents de Vampirina ouvrent une auberge à cauchemars, mais attribuent par erreur la même chambre, la même nuit, à des personnes différentes !</t>
  </si>
  <si>
    <t>FR34583-HDTX</t>
  </si>
  <si>
    <t>La Nouvelle Famille de Fuli</t>
  </si>
  <si>
    <t>Réalisateur: Christian Larocque, Réalisateur: Howy ParkinsRéalisateur: Howy Parkins</t>
  </si>
  <si>
    <t>Les membres de la Garde du Roi Lion supposent que Fuli doit se sentir laissée pour compte, à force de passer autant de temps toute seule. Pour arranger les choses, ils tentent de l'inclure dans leurs familles respectives.</t>
  </si>
  <si>
    <t>FR30333-HDTX</t>
  </si>
  <si>
    <t>Les Inventions de Gwen</t>
  </si>
  <si>
    <t>Sofia rencontre, Gwen, une jeune cuisinière qui invente des ustensiles de cuisine. Dofia va l’encourager à développer ses inventions. Grâce à elle, Gwen deviendra l’inventrice officielle d’Enchancia.</t>
  </si>
  <si>
    <t>2014</t>
  </si>
  <si>
    <t>FR30621-HDTX</t>
  </si>
  <si>
    <t>La clé d'Emeraude</t>
  </si>
  <si>
    <t>Sofia découvre une clé d’émeraude. Deux jeunes filles arrivent alors au château et prétendent être la princesse propriétaire de la clé. Sofia et la famille royale doivent tenter de deviner qui dit la vérité.</t>
  </si>
  <si>
    <t>FR30627-HDTX</t>
  </si>
  <si>
    <t>Bibou et la mauvaise graine / Gluglu l'escargot</t>
  </si>
  <si>
    <t>Réalisateur: Merle-Anne RidleyRéalisateur: Merle-Anne Ridley</t>
  </si>
  <si>
    <t>Sorceline se sert de son rayon lunaire pour créer une fleur de lune géante ! Gluglu va devoir apprendre à ne pas se laisser distraire pour pouvoir arrêter Roméo !</t>
  </si>
  <si>
    <t>FR30375-HDTX</t>
  </si>
  <si>
    <t>Yoyo et le dôme lunaire / Gluglu et la pierre surpuissante</t>
  </si>
  <si>
    <t>Sorceline abat un dôme géant sur le QG des Pyjamasques, emprisonnant ces derniers dans leur repaire. Les Pyjamasques doivent empêcher Ninjaka détruire la ville avec sa "pierre de toute-puissance".</t>
  </si>
  <si>
    <t>FR30376-HDTX</t>
  </si>
  <si>
    <t>Maxi Gluglu / Bibou prend de la hauteur</t>
  </si>
  <si>
    <t>Gluglu tente d'empêcher Sorceline de voler les chars du carnaval ! Ninjaka vole des avions au salon aéronautique.</t>
  </si>
  <si>
    <t>FR30377-HDTX</t>
  </si>
  <si>
    <t>Un problème très collant / En avant Marsh !</t>
  </si>
  <si>
    <t>Les raptors font encore des leurs… Et à la suite d’un cafouillis, Mazu se retrouve collée au dos de Cror ! Alors là, non, ça va pas le faire ! Mais leurs amis et Totor ont beau essayer de tirer de toutes leurs forces, ça ne sert à rien. Et Cror se met en tête de trouver quelqu’un qui pourra tirer vraiment fort… / C’est le jour des lumières d’hiver. Rocky veut être le premier au Glacier pour avoir la meilleure place et observer l’aurore boréale ! Mais en chemin, lui et ses amis tombent sur Marsh… et Marsh n’est pas rapide. Mais ils ne vont quand même pas le laisser ! Rock doit prendre sur lui..</t>
  </si>
  <si>
    <t>FR77276-HDTX</t>
  </si>
  <si>
    <t>La pierre flottante / Une lumière au bout de l'orage</t>
  </si>
  <si>
    <t>Mazu et Rocky s’affrontent sur un terrain : la réflexion vs l’action. Quand Termy retient prisonniers leurs amis, réclamant en échange de recevoir la mystérieuse « pierre flottante », ils n’ont pas le choix. Ils vont devoir s’associer pour les sauver ! / Bill n’est pas un leader-né. Il préfère volontiers laisser ce rôle à ses amis. Mais quand il se retrouve dans la brume, séparé d’eux, et seul avec Marsh, il n’a pas le choix. Il doit prendre des décisions pour les sortir de cette situation. Petit à petit, Bill prend sous son aile d’autres dinos perdus dans la brume...</t>
  </si>
  <si>
    <t>FR65954-HDTX</t>
  </si>
  <si>
    <t>La tête dans les étoiles / Le triomphe de Tiny</t>
  </si>
  <si>
    <t>Mazu veut cartographier le ciel de nuit, et entraîne ses amis dans le canyon pour l’aider. Mais tout doit être fait comme elle le veut, et elle n’écoute pas ses copains qui veulent jouer ou sont fatigués. / Tiny veut jouer à « faire une exposition d’art », mais ses copains ne sont pas très réceptifs. Quand le volcan entre en éruption, les enfants n’ont pas d’autre choix que de se réfugier très loin, dans l’oasis. Et pour rentrer à la maison, ça va pas être coton...</t>
  </si>
  <si>
    <t>FR65962-HDTX</t>
  </si>
  <si>
    <t>Le défi / Le maître de Giganto</t>
  </si>
  <si>
    <t>Les quatre petits dinos affrontent les raptors au carniball. L’enjeu ? Le terrain de jeu de la Grotte qui Hurle ! Rocky et Tiny sont vraiment bons à carniball, et Mazu ne court pas vite mais elle vise très bien. Mais Bill trouve qu’il est nul ! Et la pression est trop forte ! / Suite à un malentendu, tout le monde est persuadé que Rocky contrôle Giganto. Il lui suffit de dire « Rocky a dit :… » pour que Giganto exécute l’ordre. Bien vite, Rocky se rend compte que c’est du pipeau ; mais il n’ose pas avouer la vérité ! Il aime bien l’attention qu’on lui porte…</t>
  </si>
  <si>
    <t>FR65947-HDTX</t>
  </si>
  <si>
    <t>Exprime-toi, Gluglu ! / Yoyo et l'épée de Maître Fang</t>
  </si>
  <si>
    <t>Roméo aspire la voix de Gluglu, mais ce dernier n'est pas sûr de vouloir la récupérer avant la récitation de poésie. Ninjaka a volé l'épée de Maître Fang !</t>
  </si>
  <si>
    <t>FR30359-HDTX</t>
  </si>
  <si>
    <t>La petite parade de Mickey</t>
  </si>
  <si>
    <t>92</t>
  </si>
  <si>
    <t>Réalisateur: Sherie Pollack, Réalisateur: Rob LaDuca, Interprète: They Might Be GiantsRéalisateur: Rob LaDuca, Réalisateur: Sherie Pollack, Interprète: They Might Be Giants</t>
  </si>
  <si>
    <t>Tic et Tac et leurs amis de petites tailles préparent une petite parade avec l'aide d'une fanfare mécanique. Mais les jouets ont été remontés trop vite et les membres de la fanfare se perdent dans la ville. Mickey et ses amis vont partir à leur recherche.</t>
  </si>
  <si>
    <t>FR31313-HDTX</t>
  </si>
  <si>
    <t>Le robot de Dingo</t>
  </si>
  <si>
    <t>93</t>
  </si>
  <si>
    <t>A l'occasion du festival du jouet, Dingo apporte dans la maison de Mickey son fabuleux robot : le Dingobot. Son robot est capable de reproduire les faits et gestes de son possesseur mais en beaucoup mieux, ce qui va rendre triste le vrai Dingo.</t>
  </si>
  <si>
    <t>FR31315-HDTX</t>
  </si>
  <si>
    <t>Bluey S1 Ep 30</t>
  </si>
  <si>
    <t>FR79402-HDTX</t>
  </si>
  <si>
    <t>07:10:00</t>
  </si>
  <si>
    <t>Le Chariot</t>
  </si>
  <si>
    <t>Papa emmène Bluey et Bingo au parc dans un petit chariot. Bluey est pressée d'aller faire le parcours des anneaux et s'énerve car Papa s'arrête en chemin pour bavarder avec les voisins.</t>
  </si>
  <si>
    <t>FR79395-HDTX</t>
  </si>
  <si>
    <t>07:20:00</t>
  </si>
  <si>
    <t>Le Médecin</t>
  </si>
  <si>
    <t>Honey n'en finit plus d'attendre son tour chez le Docteur Bingo car d'autres patients présentant des symptômes plus intéressants passent avant elle. Bluey, la réceptionniste, l'invite à patienter, car les autres malades sont vraiment des cas !</t>
  </si>
  <si>
    <t>FR79388-HDTX</t>
  </si>
  <si>
    <t>La Plage</t>
  </si>
  <si>
    <t>A la plage, Maman part se promener au bord de l'eau, et Bluey tente de la rattraper. En chemin, elle fait toute une série de rencontres qui la stimulent et la mettent à l'épreuve dans cette toute première aventure en solitaire.</t>
  </si>
  <si>
    <t>FR79397-HDTX</t>
  </si>
  <si>
    <t>Le Barbecue</t>
  </si>
  <si>
    <t>On déjeune sur la terrasse mais pas de barbecue sans salade ! Bingo ne se reposera pas avant d'avoir trouvé les poivrons de toutes les couleurs que lui réclament ses cousines pour la meilleure des salades. Elle va cueillir des plantes vertes, elle prend des pétales de fleurs jaunes et va chercher des fleurs de flamboyant. Mais elle ne peut toujours pas se reposer car elle doit faire une sauce pour la salade ! Après s'être débattue avec le tuyau d'arrosage, Bingo est pleine de boue et quand elle fini, elle a compris que la bonne cuisine nécessite beaucoup de travail.</t>
  </si>
  <si>
    <t>FR79428-HDTX</t>
  </si>
  <si>
    <t>Yoyo et les Scinti-Lunes/Bibou et le Ninja-football</t>
  </si>
  <si>
    <t>Yoyo renvoie trop rapidement ses attaques à Sorceline. Bibou apprend que pour qu'ils forment une équipe, elle doit apprendre à Yoyo et à Gluglu à vaincre Ninjaka.</t>
  </si>
  <si>
    <t>FR43069-HDTX</t>
  </si>
  <si>
    <t>Le temple du tigre / Un anniversaire fantas-cadeau-tique</t>
  </si>
  <si>
    <t>Freddy et Pipou font de leur mieux pour empêcher le prince tigre de se salir. Freddy essaye de trouver le cadeau d'anniversaire parfait pour un bébé qui vient d'arriver.</t>
  </si>
  <si>
    <t>FR72086-HDTX</t>
  </si>
  <si>
    <t>LA MAISON DE MICKEY : LA COLLECTION HIVER DE MINNIE</t>
  </si>
  <si>
    <t>Réalisateur: Phil Weinstein</t>
  </si>
  <si>
    <t>Minnie part à l’aventure avec ses nièces car elle a oublié qu’elle devait jouer avec elles.</t>
  </si>
  <si>
    <t>FR32686-HDTX</t>
  </si>
  <si>
    <t>Doudou perdu / Creuse toujours</t>
  </si>
  <si>
    <t>Mia perd son doudou, donc Pipou et Freddy partent à sa recherche dans une aventure mouvementée. Mais arriveront-ils à temps ? / Les livreurs voient leur mission compromise quand le chiot qu'ils doivent livrer se met à creuser et à enterrer un tas de choses.</t>
  </si>
  <si>
    <t>FR72085-HDTX</t>
  </si>
  <si>
    <t>Comme chiens et chats / Un bébé rebondissant</t>
  </si>
  <si>
    <t>Pipou se retrouve coincé dans une caisse avec un bébé kangourou, peut-il l'empêcher de sauter ? Pipou et Freddy tentent d'apprendre à partager à un chien et un chat, pourtant frère et sœur.</t>
  </si>
  <si>
    <t>FR72088-HDTX</t>
  </si>
  <si>
    <t>11:30:00</t>
  </si>
  <si>
    <t>Petit lion, grand rugissement / Panique porc-épic</t>
  </si>
  <si>
    <t>Pipou et Freddy apprennent à un lion à adapter son rugissement selon s'il est à l'intérieur ou à l'extérieur. Lorsqu'un porc-épic a peur du tube de livraison, KC et les livreurs l'aident à surmonter sa peur.</t>
  </si>
  <si>
    <t>FR72090-HDTX</t>
  </si>
  <si>
    <t>Gluglu et le Lionelosaure/Yoyo et le voleur de doudous</t>
  </si>
  <si>
    <t>L'animal de Gluglu, Lionel, se transforme en un grand monstre qui sème la terreur dans la ville. Yoyo avoue à Bibou et à Gluglu qu'il a un doudou.</t>
  </si>
  <si>
    <t>FR43070-HDTX</t>
  </si>
  <si>
    <t>Gluglu et le rayon babyficateur/Bibou et l'éclipse lunaire</t>
  </si>
  <si>
    <t>Gluglu doit garder ses deux équipiers, un chat et un poussin, et sauver le monde. Bibou doit mettre de côté sa jalousie pour reprendre à Romeo son tableau et son aimant.</t>
  </si>
  <si>
    <t>FR43071-HDTX</t>
  </si>
  <si>
    <t>Gluglu et les Papi-Ninjas / Bibou et la chasse au trésor</t>
  </si>
  <si>
    <t>Gluglu apprend à ravaler sa fierté pour arrêter une nouvelle équipe de méchants ! Ninjaka manipule Bibou et lui fait chercher des ingrédients pour sa nouvelle affreuse invention.</t>
  </si>
  <si>
    <t>FR43073-HDTX</t>
  </si>
  <si>
    <t>Le Zoo</t>
  </si>
  <si>
    <t>Le jardin zoologique de Bluey est le foyer d'animaux merveilleux dont le grand Papa Gorille bleu. Mais le singe s'empare de Bingo qui s'était aventurée dans son enclos et Bluey doit capturer cet animal sauvage.</t>
  </si>
  <si>
    <t>FR79407-HDTX</t>
  </si>
  <si>
    <t>Le jeu des enfants</t>
  </si>
  <si>
    <t>Faire les courses s'avère difficile pour Papa, lorsque Bingo et Bluey veulent jouer au « jeu des enfants ». Maintenant Bluey est Maman, Bingo est son bébé et Papa est un garçon très vilain !</t>
  </si>
  <si>
    <t>FR79418-HDTX</t>
  </si>
  <si>
    <t>Calypso</t>
  </si>
  <si>
    <t>À l'école, Bluey et ses amis organisent différents jeux. Calypso, leur maîtresse, veille au bon déroulement avec un mot sage, une chanson ... pour tous, sauf le mystérieux Pretzel.</t>
  </si>
  <si>
    <t>FR79387-HDTX</t>
  </si>
  <si>
    <t>Le Travail</t>
  </si>
  <si>
    <t>Bluey et Bingo jouent au "travail" et se font embaucher dans la fabrique de tuyaux de leur père. Mais quand Bluey prend la direction, Papa trouve son nouveau patron très sévère en lui interdisant de danser.</t>
  </si>
  <si>
    <t>FR79403-HDTX</t>
  </si>
  <si>
    <t>Asperge</t>
  </si>
  <si>
    <t>Bluey demande à quoi servent les bonnes manières. Papa lui explique que c'est ce qui nous différencie des animaux sauvages. Maman donne alors à Bluey une asperge magique qui peut changer les gens en animal de son choix. Ravie de s'affranchir des règles,Bluey transforme sa famille en poulets, souris et suricates mais Maman-lionne veut dévorer le voisin, Papa-morse écrase ses jouets et Bingo-perroquet mange l'asperge, les figeant dans leur aspect bestial ! Finalement, Bluey fait dire "chien" à Bingo et leurs rend forme canine. La sauvagerie n'est peut-être pas si drôle !</t>
  </si>
  <si>
    <t>FR79422-HDTX</t>
  </si>
  <si>
    <t>Le bébé prématuré</t>
  </si>
  <si>
    <t>L'hôpital pour bébés d'Indy est confronté aux chevaliers et aux dragons de Rusty. Le groupe de Bluey se chamaille. Finalement en s'expliquant, ils trouvent tous des points communs à leurs jeux.</t>
  </si>
  <si>
    <t>FR79413-HDTX</t>
  </si>
  <si>
    <t>Bumpy et le vieux lévrier sage</t>
  </si>
  <si>
    <t>Bluey et Papa envoient une vidéo maison à Bingo, malade à l'hôpital, pour lui remonter le moral. C’est l'histoire de la quête de Barnicus pour guérir Bumpy, son chien tacheté.</t>
  </si>
  <si>
    <t>FR80207-HDTX</t>
  </si>
  <si>
    <t>15:10:00</t>
  </si>
  <si>
    <t>Le magasin</t>
  </si>
  <si>
    <t>La marchande est le jeu favori de Bluey et ses amis, quand ils peuvent commencer ! Avec Bluey qui remet en question les règles et change les rôles, ça pourrait durer toute la journée !</t>
  </si>
  <si>
    <t>FR79394-HDTX</t>
  </si>
  <si>
    <t>15:20:00</t>
  </si>
  <si>
    <t>La Déchetterie</t>
  </si>
  <si>
    <t>En route pour la déchetterie, Papa déclare qu'il est meilleur en tout. Quand Bluey découvre qu'il s'apprête à jeter ses vieux dessins, elle se demande s'il est bien le meilleur Papa au monde.</t>
  </si>
  <si>
    <t>FR79406-HDTX</t>
  </si>
  <si>
    <t>Papa met Bingo et Bluey au lit</t>
  </si>
  <si>
    <t>Comme maman sort à une fête prénatale, papa se charge de la routine du soir des filles. Mais Maman manque à Bluey, et papa doit sortir tous les jeux qu'il connaît pour divertir ses filles.</t>
  </si>
  <si>
    <t>FR79425-HDTX</t>
  </si>
  <si>
    <t>15:50:00</t>
  </si>
  <si>
    <t>La Soirée Pyjama</t>
  </si>
  <si>
    <t>Muffin passe la soirée chez Bluey et Bingo, ravies de pouvoir se coucher plus tard. Mais Muffin, qui n'a pas fait la sieste, est épuisée et les deux sœurs jouent pour la tenir éveillée.</t>
  </si>
  <si>
    <t>FR79411-HDTX</t>
  </si>
  <si>
    <t>Taxi</t>
  </si>
  <si>
    <t>Il pleut et Bluey joue au taxi à l'intérieur. Son premier client (Papa) est un homme d'affaires pressé qui veut aller à l'aéroport sans tarder. Bingo lui promet d'y arriver sans retard mais prend en charge un second passager, une dame fortunée (Bingo) et sa fille Millicent (Floppy). Pendant que SATVAV (Maman) les balade de rond-point en rond-point Millicent vomit partout et le taxi tombe en panne. Papa décide de se rendre à pied à l'aéroport. Il arrive juste à temps pour embarquer et découvre que la dame du taxi est aussi passagère et que le pilote n'est autre que Bluey !</t>
  </si>
  <si>
    <t>FR79396-HDTX</t>
  </si>
  <si>
    <t>Le Mont Papamaman</t>
  </si>
  <si>
    <t>Bingo et Bluey ont encore cinq minutes pour jouer avant d'aller se coucher et ont juste le temps d’escalader le Mont Papamaman. Mais entre fortes tempêtes et avalanches, cela demandera un travail d'équipe.</t>
  </si>
  <si>
    <t>FR79417-HDTX</t>
  </si>
  <si>
    <t>16:20:00</t>
  </si>
  <si>
    <t>Plats à emporter</t>
  </si>
  <si>
    <t>Obligées d'attendre leur commande à emporter cinq minutes devant un restaurant, Bluey et Bingo font exprès de s’agiter, poussant à bout la patience de Papa.</t>
  </si>
  <si>
    <t>FR79384-HDTX</t>
  </si>
  <si>
    <t>Mickey et ses amis rénovent une ferme décatie. Le professeur Von Drake doit s'absenter et confie la garde de son laboratoire aux Bénévoles qui doivent suivre une liste d'instructions importantes.</t>
  </si>
  <si>
    <t>FR82286-HDTX</t>
  </si>
  <si>
    <t>MIRA DÉTECTIVE ROYALE</t>
  </si>
  <si>
    <t>Mystère de la princesse sous couverture</t>
  </si>
  <si>
    <t>Mira, toute nouvelle détective royale de Jalpur, royaume imaginaire de l'Inde, aide autant le peuple que les membres de la famille royale à travers ses aventures ! Avec l'aide de son ami, le Prince Neel, sa cousine Priya et ses inséparables mangoustes, Mikku et Chikku, Mira mène l'enquête avec une sagacité unique !</t>
  </si>
  <si>
    <t>FR88088-HDTX</t>
  </si>
  <si>
    <t>Mystère du défilé de mode</t>
  </si>
  <si>
    <t>FR88089-HDTX</t>
  </si>
  <si>
    <t>18:00:00</t>
  </si>
  <si>
    <t>Yoyo et la boule de flipper/Yoyo et le Rebondisseur</t>
  </si>
  <si>
    <t>L'équipe déjoue le plan de Romeo de jouer une partie de flipper dans la ville avec des boules de démolition. Yoyo veut prouver son talent en arrêtant Ninjaka tout seul.</t>
  </si>
  <si>
    <t>FR43074-HDTX</t>
  </si>
  <si>
    <t>Par ici les Utamu !</t>
  </si>
  <si>
    <t>Fuli s'épuise, et elle apprend l'importance du travail d'équipe.</t>
  </si>
  <si>
    <t>FR30334-HDTX</t>
  </si>
  <si>
    <t>Les perles de Merroway</t>
  </si>
  <si>
    <t>Réalisateur: Larry Leichiter, Réalisateur: Jamie MitchellRéalisateur: Jamie Mitchell</t>
  </si>
  <si>
    <t>Flouk, un garçon sirène est prêt à tout pour distraire ses amis. Quitte à se retrouver piégé avec Sofia dans la grotte d'un mantacorne en colère.</t>
  </si>
  <si>
    <t>FR30954-HDTX</t>
  </si>
  <si>
    <t>DOCTEUR LA PELUCHE : L’HÔPITAL DES JOUETS</t>
  </si>
  <si>
    <t>L'animal sauvage de Toufy / Le marathon de danse</t>
  </si>
  <si>
    <t>111</t>
  </si>
  <si>
    <t>Réalisateur: Richard Keane, Réalisateur: Dan Nosella, Réalisateur: Damien O'ConnorRéalisateur: Dan Nosella</t>
  </si>
  <si>
    <t>Toufy décide, au cours d'un safari, d'adopter un animal-jouet zèbre. / Câline est invitée au marathon de danse du Méchant Roi, une compétition qui dure toute la nuit.</t>
  </si>
  <si>
    <t>FR31316-HDTX</t>
  </si>
  <si>
    <t>Les Voisins</t>
  </si>
  <si>
    <t>Bluey sollicite les conseils de sa maman concernant une voisine indélicate. La sérénité de sa maison imaginaire faite de coussins est menacée par l'étable d'animaux de Bingo qui s'étend à vue d'œil.</t>
  </si>
  <si>
    <t>FR79420-HDTX</t>
  </si>
  <si>
    <t>20:10:00</t>
  </si>
  <si>
    <t>20:20:00</t>
  </si>
  <si>
    <t>T.O.T.S. S1 Ep 16</t>
  </si>
  <si>
    <t>Bodhi affronte sa peur pour avoir son tout dernier tampon et devenir livreur super expert. Mia s'est mise une épine dans la patte et elle a peur d'avoir mal quand K.C lui retirera.</t>
  </si>
  <si>
    <t>FR72091-HDTX</t>
  </si>
  <si>
    <t>Le rire de Giganto / Dinosia</t>
  </si>
  <si>
    <t>Tiny ne prend jamais rien au sérieux. Mazu prend toujours tout au sérieux. Forcément, parfois, ça accroche. Et quand Giganto a une rage de dents, les deux doivent s’accorder pour lui venir en aide ! / Nos quatre héros en ont marre de Crétacia : Mazu n’a plus rien à découvrir, Rocky n’a plus de challenges, Bill a déjà goûté à tout et tout le monde connaît le répertoire de blagues de Tiny. Ayati leur raconte alors la légende de Dinosia, une terre merveilleuse qui satisfera à tous leurs désirs. « Suivez les étincelles ! » C’est un peu maigre comme indication, mais les 4 dinos se mettent en route.</t>
  </si>
  <si>
    <t>FR65939-HDTX</t>
  </si>
  <si>
    <t>La Fête Surprise / Duel de Danse</t>
  </si>
  <si>
    <t>Réalisateur: Norton Virgien, Réalisateur: Nicky Phelan</t>
  </si>
  <si>
    <t>Vampirina convie ses amis à une fête pleine de surprises terrifiantes. En apprenant une danse, sans le vouloir, elle va lancer une mode et se mesurer à un danseur légendaire de Transylvanie.</t>
  </si>
  <si>
    <t>FR63542-HDTX</t>
  </si>
  <si>
    <t>Le Pyja-Robot / Les Pyjamasques et le Super Cristal</t>
  </si>
  <si>
    <t>Gluglu devient ami avec un mini-robot que Roméo utilise pour infiltrer le QG. PJ Robot trouve dans une partie du QG un moyen de fournir aux Pyjamasques de nouveaux pouvoirs.</t>
  </si>
  <si>
    <t>FR43075-HDTX</t>
  </si>
  <si>
    <t>Bunga le sage</t>
  </si>
  <si>
    <t>Quand des inondations menacent la Terre des Lions, Kion apprend que face à un problème, la solution la plus rapide n'est pas toujours la meilleure.</t>
  </si>
  <si>
    <t>FR30328-HDTX</t>
  </si>
  <si>
    <t>La Couronne Volante</t>
  </si>
  <si>
    <t>Sofia doit convaincre Hugo d'avoir l'esprit d'équipe s'il veut devenir son équipier au championnat du derby volant.</t>
  </si>
  <si>
    <t>FR30615-HDTX</t>
  </si>
  <si>
    <t>Donald le Génie</t>
  </si>
  <si>
    <t>94</t>
  </si>
  <si>
    <t>Une lampe de chevet magique est arrivée dans la boite au lettres de Mickey. De cette dernière s'en dégage Pat le Génie, qui réalise le souhait de Donald : devenir un Génie. Il va alors vouloir exaucer les voeux de tous ces amis.</t>
  </si>
  <si>
    <t>FR31317-HDTX</t>
  </si>
  <si>
    <t>Dingo Baby Sitter</t>
  </si>
  <si>
    <t>96</t>
  </si>
  <si>
    <t>La machine à voyager dans le temps du professeur Von Drake change accidentellement toute l'équipe en bébés !</t>
  </si>
  <si>
    <t>FR31321-HDTX</t>
  </si>
  <si>
    <t>Gluglu et l'esprit du carnaval / Bibou et son double</t>
  </si>
  <si>
    <t>Lorsque Ninjaka et Roméo transforment des flotteurs volés en robots, Gluglu essaie de sauver son préféré. Roméo se transforme en Bibou pour se débarrasser de ses concurrents.</t>
  </si>
  <si>
    <t>FR43076-HDTX</t>
  </si>
  <si>
    <t>LA MAISON DE MICKEY - LE MAGICIEN D'IZZ</t>
  </si>
  <si>
    <t>Réalisateur: Rob LaDuca</t>
  </si>
  <si>
    <t>Alors que Mickey prépare la grande fête de l’amitié, une tornade emmène Minnie et Pluto au Pays d’Izz. Pour rentrer chez eux, ils vont avoir besoin de l’aide du merveilleux magicien d’Izz.</t>
  </si>
  <si>
    <t>2011</t>
  </si>
  <si>
    <t>FR31350-HDTX</t>
  </si>
  <si>
    <t>T.O.T.S. S1 Ep 17</t>
  </si>
  <si>
    <t>Pipou le pingouin et Freddy le flamant rose sont livreurs débutants chez T.O.T.S, les Transports par Oiseaux de Tout-petitS, où ils sont chargés de livrés d'adorables bébés animaux à leurs parents.</t>
  </si>
  <si>
    <t>FR84282-HDTX</t>
  </si>
  <si>
    <t>Un retour de bébé / Un pingouin dans le désert</t>
  </si>
  <si>
    <t>Un bébé est rendu à la nurserie. Les livreurs bravent le désert !</t>
  </si>
  <si>
    <t>FR72093-HDTX</t>
  </si>
  <si>
    <t>T.O.T.S. S1 Ep 19</t>
  </si>
  <si>
    <t>Le statut de champion de cache-cache de Freddy est remis en question lorsque lui et Pipou perdent un bébé renard. Pipou et Freddy aident K.C. à gagner sa première plume en or le jour du grand ménage !</t>
  </si>
  <si>
    <t>FR72094-HDTX</t>
  </si>
  <si>
    <t>Yoyo et l’Animo-Métamorpho-Zoo / Gluglu et le robot sous-marin</t>
  </si>
  <si>
    <t>Tout en essayant d'empêcher Roméo de transformer les gens en animaux de compagnie, Yoyo se transforme en chat ! Gluglu a peur de demander de l'aide quand il doit combattre le robot-pieuvre de Roméo sous l'eau.</t>
  </si>
  <si>
    <t>FR43078-HDTX</t>
  </si>
  <si>
    <t>Roméo contre-attaque / Sorceline et la lune cassée</t>
  </si>
  <si>
    <t>Roméo crée une ceinture tout en un pour contrer les nouveaux pouvoirs des Pyjamasques. Quand Roméo commence à creuser sur la lune, les Pyjamasques demandent l'aide de Sorceline.</t>
  </si>
  <si>
    <t>FR63062-HDTX</t>
  </si>
  <si>
    <t>La montagne mystérieuse / Les Pyjamasques et le Pyja-prisonnier</t>
  </si>
  <si>
    <t>Les Pyjamasques doivent empêcher les Ninja de la Nuit de voler une bague magique cachée au sommet de la Montagne Mystère.</t>
  </si>
  <si>
    <t>FR43080-HDTX</t>
  </si>
  <si>
    <t>Pluto trouve trois oisillons tombés du nid et devient leur protecteur. C'est la Saint-Valentin et les Bénévoles installent leur boutique d'accessoires de fête.</t>
  </si>
  <si>
    <t>FR82285-HDTX</t>
  </si>
  <si>
    <t>LE MONDE DE BINGO ET ROLLY</t>
  </si>
  <si>
    <t>Le paquet perdu/Joyeux Hanoukka !</t>
  </si>
  <si>
    <t>Réalisateur: Trevor WallRéalisateur: Trevor Wall</t>
  </si>
  <si>
    <t>Le Père Noël a perdu le cadeau de Bob, les chiots l'aident à le retrouver. Bingo, Rolly et R.A.F. cherchent les ingrédients pour que Bob fasse des galettes de pommes de terre.</t>
  </si>
  <si>
    <t>FR36044-HDTX</t>
  </si>
  <si>
    <t>Mira Détective Royale S1 Ep 1</t>
  </si>
  <si>
    <t>FR79273-HDTX</t>
  </si>
  <si>
    <t>Suivez cet hippopotame !</t>
  </si>
  <si>
    <t>Un jeune éléphant se retrouve en danger. Beshte doit alors le protéger contre Janja et sa bande.</t>
  </si>
  <si>
    <t>FR30335-HDTX</t>
  </si>
  <si>
    <t>La Bibliothèque Secrète : Olaf et mademoiselle Ortie</t>
  </si>
  <si>
    <t>74</t>
  </si>
  <si>
    <t>Réalisateur: Jamie MitchellRéalisateur: Jamie Mitchell</t>
  </si>
  <si>
    <t>Au lieu de convoquer une princesse, l'amulette de Sofia fait venir Olaf. Ensemble, ils se lancent à la poursuite de Mademoiselle Ortie qui veut voler toutes les fleurs du royaume de Freezenberg.</t>
  </si>
  <si>
    <t>FR30967-HDTX</t>
  </si>
  <si>
    <t>Daisy appelle les urgences / La visite d'un ami</t>
  </si>
  <si>
    <t>112</t>
  </si>
  <si>
    <t>Réalisateur: Dan Nosella, Réalisateur: Damien O'Connor, Réalisateur: Richard KeaneRéalisateur: Dan Nosella</t>
  </si>
  <si>
    <t>Daisy Mille-habits ne cesse d'appeler les urgences pour des "urgences" vestimentaires. / Le Commandant Crush est renversé par un vélo. Star Blazer Zéro a peur d'aller le voir à l'hôpital.</t>
  </si>
  <si>
    <t>FR31318-HDTX</t>
  </si>
  <si>
    <t>Livraison sous surveillance / L'oiseau chanteur</t>
  </si>
  <si>
    <t>Pipou et Freddy doivent impressionner le Capitaine Becman lorsqu'elle les accompagne pour une livraison. Quand Mimi, l'oiseau-moqueur, se met à chanter une berceuse tout le monde s'endort chez T.O.T.S.</t>
  </si>
  <si>
    <t>FR72097-HDTX</t>
  </si>
  <si>
    <t>Navidad</t>
  </si>
  <si>
    <t>Réalisateur: Elliot BourRéalisateur: Elliot Bour</t>
  </si>
  <si>
    <t>Elena décide de réunir toutes les communautés d'Avalor afin que tous partagent leurs traditions et se rappellent ce qu'est le véritable esprit de Noël.</t>
  </si>
  <si>
    <t>FR30420-HDTX</t>
  </si>
  <si>
    <t>Les Vampisitters / Tous pour Demi</t>
  </si>
  <si>
    <t>Réalisateur: Ehud Landsberg, Réalisateur: Jonmark Marten</t>
  </si>
  <si>
    <t>Vampirina doit garder sa petite cousine qui s’avère être une petite terreur. Des chasseurs de fantômes viennent chez les Hantley qui essaient de les convaincre que la maison n’est pas hantée.</t>
  </si>
  <si>
    <t>FR34587-HDTX</t>
  </si>
  <si>
    <t>Yoyo pas rapido / Gluglu et la lave collante</t>
  </si>
  <si>
    <t>Après que Roméo a volé les pouvoirs de Yoyo, celui-ci doit apprendre à être un super-héros sans aucun superpouvoir. Ninjaka transforme la Montagne Mystère en volcan.</t>
  </si>
  <si>
    <t>FR43083-HDTX</t>
  </si>
  <si>
    <t>Il faut toujours se méfier des apparences</t>
  </si>
  <si>
    <t>Réalisateur: Howy Parkins, Réalisateur: Christian LarocqueRéalisateur: Howy Parkins</t>
  </si>
  <si>
    <t>Alors qu'il est coincé en Terre Interdite, Kion découvre que les hyènes ne sont pas toutes méchantes.</t>
  </si>
  <si>
    <t>FR30329-HDTX</t>
  </si>
  <si>
    <t>Le Chevalier Silencieux</t>
  </si>
  <si>
    <t>Sofia rencontre son héros, le courageux mais silencieux Chevalier Bartleby, et l’aide à accepter sa voix unique ainsi qu’à courtiser sa tante Lily.</t>
  </si>
  <si>
    <t>FR30617-HDTX</t>
  </si>
  <si>
    <t>Donald Jr</t>
  </si>
  <si>
    <t>Réalisateur: Rob LaDuca, Réalisateur: Sherie PollackRéalisateur: Sherie Pollack, Réalisateur: Rob LaDuca</t>
  </si>
  <si>
    <t>Aujourd’hui, c’est le jour du meilleur talent au parc Mickey et chacun se prépare pour le spectacle. Mickey aide Donald et Donald Jr à répéter leur chanson et leur danse.</t>
  </si>
  <si>
    <t>FR31214-HDTX</t>
  </si>
  <si>
    <t>La gare de Mickey</t>
  </si>
  <si>
    <t>Aujourd'hui, Mickey et les autres vont devoir chercher leurs amis grâce au Tchou-Tchou train pour assister à la grande fête de la Bingo-Dingo Neige éternelle...</t>
  </si>
  <si>
    <t>FR31296-HDTX</t>
  </si>
  <si>
    <t>A Cheval !</t>
  </si>
  <si>
    <t>Maman et tante Trixie sont sorties laissant Bluey, Bingo et leurs cousines avec Papa et oncle Stripe. Ceux-ci voulaient regarder du criquet mais se font engagés comme chevaux de course. Bluey a oublié de ranger Poly Ponette, sa peluche préférée. Socks la prend et ne veut plus la lâcher. Afin de distraire Socks et récupérer la peluche intacte, les enfants organisent un mariage de chevaux avec Papa en Galopin et oncle Stripe en Etincelle. Mais Etincelle ne veut pas se marier et s'échappe. Socks abandonne alors la peluche pour coincer Etincelle et Bluey récupère sa précieuse Polly Ponette.</t>
  </si>
  <si>
    <t>FR79430-HDTX</t>
  </si>
  <si>
    <t>Les Pyjamasques et Tatouro’Tom / Bibou invisible</t>
  </si>
  <si>
    <t>Les Pyjamasques rencontrent Tatouro’Tom et pensent qu'il est un super héros comme eux. Bibou devient accidentellement invisible !</t>
  </si>
  <si>
    <t>FR43084-HDTX</t>
  </si>
  <si>
    <t>Le livreur le plus rapide / Meilleurs amis pour la vie</t>
  </si>
  <si>
    <t>Pipou et Freddy expliquent à Ava qu'une livraison réussie n'est pas qu'une question de vitesse. Mia et son amie Chloé n'arrivent pas à se quitter. Les livreurs débutants leur montrent comment garder le contact !</t>
  </si>
  <si>
    <t>FR72099-HDTX</t>
  </si>
  <si>
    <t>T.O.T.S. S1 Ep 24</t>
  </si>
  <si>
    <t>FR72100-HDTX</t>
  </si>
  <si>
    <t>T.O.T.S. S1 Ep 25</t>
  </si>
  <si>
    <t>FR72101-HDTX</t>
  </si>
  <si>
    <t>Bluey S1 Ep 29</t>
  </si>
  <si>
    <t>FR79400-HDTX</t>
  </si>
  <si>
    <t>Mickey demande à ses amis de transformer leurs voitures en véhicules de construction pour rénover l'aire de jeu où doit avoir lieu l'anniversaire de Bitsy. Pearl n'a rien à se mettre pour le bal des familles.</t>
  </si>
  <si>
    <t>FR82288-HDTX</t>
  </si>
  <si>
    <t>La Nuit de la Lune Sanguine/Jour de neige</t>
  </si>
  <si>
    <t>Mamie Goule et Grand-pire viennent pour fêter la Lune Sanguine. Vampirina n’a pas la neige qu’elle espérait, alors Demi fait appel à la magie.</t>
  </si>
  <si>
    <t>FR34607-HDTX</t>
  </si>
  <si>
    <t>Mira Détective Royale S1 Ep 2</t>
  </si>
  <si>
    <t>FR79284-HDTX</t>
  </si>
  <si>
    <t>L'appel du Drongo</t>
  </si>
  <si>
    <t>Lorsque Tamaa, un drongo menteur, se met à imiter la voix de prédateurs pour effrayer les petits animaux, la Garde du Roi Lion doit distinguer les fausses alertes des vraies attaques.</t>
  </si>
  <si>
    <t>FR30336-HDTX</t>
  </si>
  <si>
    <t>Joyeux Wassailia</t>
  </si>
  <si>
    <t>101</t>
  </si>
  <si>
    <t>Sofia aide Chrysta à accomplir quelques missions de dernières minutes sur les îles mystérieuses afin de lui permettre de retrouver rapidement sa famille pour fêter Wassailia.</t>
  </si>
  <si>
    <t>FR31558-HDTX</t>
  </si>
  <si>
    <t>La sirène va droit au but / Hula-la</t>
  </si>
  <si>
    <t>113</t>
  </si>
  <si>
    <t>Réalisateur: Damien O'Connor, Réalisateur: Dan Nosella, Réalisateur: Darren Robie, Réalisateur: Richard KeaneRéalisateur: Dan Nosella</t>
  </si>
  <si>
    <t>Doc initie les jouets à la médecine du sport lors d'un championnat de babyfoot. / Leilani a le mal du pays, Hawaï lui manque. Elle organise alors un « luau » au Lac de la Baignoire.</t>
  </si>
  <si>
    <t>FR31320-HDTX</t>
  </si>
  <si>
    <t>Comment faire partie de la liste des enfants gentils ?</t>
  </si>
  <si>
    <t>En faisant tout pour figurer sur la "liste des enfants gentils" du Père Noël, Nancy apprend ce qu'est l'esprit de Noël.</t>
  </si>
  <si>
    <t>FR61996-HDTX</t>
  </si>
  <si>
    <t>Un Os dans la Soupe / Les Louvettes de Pennsylvanie</t>
  </si>
  <si>
    <t>Un gourmet vient à l’auberge. Tout le monde se donne du mal pour lui préparer un repas d’humain. Vampirina essaie de gagner son premier badge de Louvette.</t>
  </si>
  <si>
    <t>FR34589-HDTX</t>
  </si>
  <si>
    <t>La future Reine</t>
  </si>
  <si>
    <t>La rivalité entre frère et sœur redouble, quand Simba confie le Rocher des Lions à Kiara pour quelques jours.</t>
  </si>
  <si>
    <t>FR30330-HDTX</t>
  </si>
  <si>
    <t>L'Exposition Scientifique</t>
  </si>
  <si>
    <t>Réalisateur: Jamie Mitchell, Réalisateur: Larry Leichliter</t>
  </si>
  <si>
    <t>Sofia et ses amis s’affrontent lors d’une compétition acharnée sur un projet pour l’exposition scientifique. Ils vont apprendre que l’amitié est plus importante que de gagner la compétition.</t>
  </si>
  <si>
    <t>FR30618-HDTX</t>
  </si>
  <si>
    <t>La meilleure crête / La sécheresse</t>
  </si>
  <si>
    <t>C’est la période des pollens… La giga-fleur a éclos, et Rocky a un gros rhume. Sa crête fait un sacré bruit ! Et quand les raptors lui piquent une de ses cartes collectors, lui demandant la giga-fleur en échange, les choses se compliquent. Rocky doit s’approcher de la fleur, mais Giganto s’est installé en-dessous pour dormir, et il ne veut pas le réveiller avec ses éternuements ! / Bill et Tiny s’amusent dans la Grotte qui Hurle, et n’écoutent pas les avertissements : ils sautent sur un champignon sans supervision. Celui-ci se casse, et bouche la source d’eau de Crétacia. C’est la sécheresse !</t>
  </si>
  <si>
    <t>FR65944-HDTX</t>
  </si>
  <si>
    <t>Réalisateur: Rob LaDuca, Réalisateur: Sherie Pollack, Réalisateur: Vic Cook, Réalisateur: Donovan Cook, Interprète: They Might Be GiantsRéalisateur: Vic Cook, Réalisateur: Donovan Cook, Réalisateur: Rob LaDuca, Réalisateur: Sherie Pollack, Interprète: They Might Be Giants</t>
  </si>
  <si>
    <t>LA MAISON DE MICKEY: CAPITAINE MICKEY ET LES PIRATES</t>
  </si>
  <si>
    <t>Réalisateur: Donovan Cook</t>
  </si>
  <si>
    <t>Mickey et ses amis aident le grand-père de Dingo, le capitaine Barbe-Dingo à retrouver son trésor.</t>
  </si>
  <si>
    <t>FR31524-HDTX</t>
  </si>
  <si>
    <t>Un adorable panda/ Une odeur problématique</t>
  </si>
  <si>
    <t>Pipou et Freddy doivent livrer un bébé panda tellement mignon qu'il est très difficile pour eux de lui dire "au revoir". La situation se complique pour nos livreurs débutants quand ils doivent livrer un bébé moufette qui ne sent pas très bon.</t>
  </si>
  <si>
    <t>FR72095-HDTX</t>
  </si>
  <si>
    <t>La garderie des tout-petits /Une affaire de lapins</t>
  </si>
  <si>
    <t>KC est malade donc Pipou et Freddy essayent de gérer la garderie à sa place. Lors de la livraison, alors que tous les bébés se sont mélangés, les livreurs débutants trouvent la solution pour tous les identifier.</t>
  </si>
  <si>
    <t>FR72103-HDTX</t>
  </si>
  <si>
    <t>Une parfaite petite assistante / Un caméléon coloré</t>
  </si>
  <si>
    <t>Pipou et Freddy doivent livrer et chaton mais ils pensent faire erreur car il n'y a pas de chats chez T.O.T.S. Les livreurs débutants doivent livrer un caméléon qui n'arrête pas de disparaître. Customize</t>
  </si>
  <si>
    <t>FR72104-HDTX</t>
  </si>
  <si>
    <t>Gluglu et le Ninjartiste/Les Pyjamasques et le Roméomanège</t>
  </si>
  <si>
    <t>Après s'être retrouvé séparé, Yoyo doit affronter seul ses erreurs pour vaincre Ninjaka. Roméo crée un jeu vidéo et les Pyjamasques doivent faire équipe avec les autres méchants pour l'arrêter.</t>
  </si>
  <si>
    <t>FR43092-HDTX</t>
  </si>
  <si>
    <t>Gluglu et le Contrario-Laser/Les Pyjamasques contre la bande des méchants</t>
  </si>
  <si>
    <t>Le nouveau dispositif de Roméo transforme Bibou et Yoyo en méchants ! Tous les méchants unissent leurs forces pour enfin vaincre les Pyjamasques une fois pour toutes !</t>
  </si>
  <si>
    <t>FR43093-HDTX</t>
  </si>
  <si>
    <t>Yoyo et le rayon lunaire Partie 1 / Yoyo et le rayon lunaire Partie 2</t>
  </si>
  <si>
    <t>Sorceline récupère le cristal de lune confisqué par les Pyjamasques en S2 et l'emporte sur la Lune pour charger sa forteresse et grâce au Méga Aimant-Lune peupler son "royaume" de loyaux sujets et de jolies choses. Les Pyjamasques décident alors de la pousuivre avec Spatiototem. Mais Sorceline arrive la première et commence à attirer des éléments de la ville vers la Lune grâce au rayon du Méga Aimant Lune. Alors que Gluglu et Bibou s'envolent vers l'espace, Yoyo reste derrière pour protéger la ville. Mais Glulgu et Bibou sont capturés et Yoyo prend une décision audacieuse pour aider ses amis.</t>
  </si>
  <si>
    <t>FR68517-HDTX</t>
  </si>
  <si>
    <t>Bibou et la querelle des Q.G.s</t>
  </si>
  <si>
    <t>Ninjaka se crée sa propre forteresse imprenable en empilant des cars de ramassage scolaire les uns sur les autres. Le méchant compte se servir de son nouveau QG pour annexer celui des Pyjamasques. Malheureusement pour ces derniers, Bibou est tellement épatée par la forteresse de Ninjaka qu'elle en oublie que son QG à elle est tout aussi épatant...</t>
  </si>
  <si>
    <t>12min</t>
  </si>
  <si>
    <t>FR33986-HDTX</t>
  </si>
  <si>
    <t>DISNEY TOUS EN FORME L’ASTUCE DU JOUR</t>
  </si>
  <si>
    <t>Le Roi Lion</t>
  </si>
  <si>
    <t>Cuisiner en s'amusant</t>
  </si>
  <si>
    <t>Magazine</t>
  </si>
  <si>
    <t>9min</t>
  </si>
  <si>
    <t>FR58213-HDTX</t>
  </si>
  <si>
    <t>Dingo fait pousser un arbre à hot-dogs avec l'aide de Pat armé de son engrais puissant. Fête d'anniversaire pour Phoebe, la petite chienne de Bitsy.</t>
  </si>
  <si>
    <t>FR82289-HDTX</t>
  </si>
  <si>
    <t>DOCTEUR LA PELUCHE</t>
  </si>
  <si>
    <t>Doc répare Noël</t>
  </si>
  <si>
    <t>Réalisateur: Dan Nosella, Réalisateur: Norton Virgien, Réalisateur: Saul Blinkoff</t>
  </si>
  <si>
    <t>Tobias l'Elfe casse accidentellement une pièce du cadeau de Noël de Donny. Doc et ses amis se rendent à l'atelier du Père Noël pour trouver la pièce de rechange en urgence.</t>
  </si>
  <si>
    <t>FR30503-HDTX</t>
  </si>
  <si>
    <t>Mira Détective Royale S1 Ep 3</t>
  </si>
  <si>
    <t>FR79291-HDTX</t>
  </si>
  <si>
    <t>Yoyo et le chien-garou / Ninjaka et les Farfezouaves</t>
  </si>
  <si>
    <t>Loune et Tiloup s'enfuient avec un chien du coin - ils pensent que c'est Scarloup, enfin devenu "Tout Garou". Les Pyjamasques doivent récupérer le chien... et découvrir ce qui est arrivé à Scarloup... /Les Farfezouaves - des Ninjazouaves frappés par des étoiles collantes que les Farfeloups ont machés - font de sacrés dégats dans la Montagne Mystère et les Pyjamasques doivent s'allier à Ninjaka pour les arrêter.</t>
  </si>
  <si>
    <t>FR68519-HDTX</t>
  </si>
  <si>
    <t>Peintures et prédictions</t>
  </si>
  <si>
    <t>Bunga croit que les peintures de Rafiki prédisent l'avenir : il demande au reste de la Garde de protéger Kion du danger.</t>
  </si>
  <si>
    <t>FR30337-HDTX</t>
  </si>
  <si>
    <t>L'aventure du Comte Clarence / Elfette est pleine de colle</t>
  </si>
  <si>
    <t>114</t>
  </si>
  <si>
    <t>Réalisateur: Dan NosellaRéalisateur: Dan Nosella</t>
  </si>
  <si>
    <t>Le Comte Clarence décide de rester debout longtemps après l'heure d'aller au lit. / Elfette sème la pagaille à la pouponnière.</t>
  </si>
  <si>
    <t>FR31322-HDTX</t>
  </si>
  <si>
    <t>LES MUPPET BABIES</t>
  </si>
  <si>
    <t>Les Muppet Babies S1 Ep 19</t>
  </si>
  <si>
    <t>Réalisateur: Guy MooreRéalisateur: Guy Moore</t>
  </si>
  <si>
    <t>Les Muppet Babies sont de retour et les rêves deviennent réalité ! Kermit, Piggy, Fozzie, Animal, Gonzo et Summer sont au cœur de palpitantes aventures tout droit sorties de leur imagination.</t>
  </si>
  <si>
    <t>FR48222-HDTX</t>
  </si>
  <si>
    <t>Les Monstrueuses / Soirée jeux</t>
  </si>
  <si>
    <t>Réalisateur: Ehud Landsberg</t>
  </si>
  <si>
    <t>Les Harpies, idoles de Vampirina, viennent à l’auberge. Vampirina invite ses amies à une soirée jeux.</t>
  </si>
  <si>
    <t>FR34591-HDTX</t>
  </si>
  <si>
    <t>Meilleurs tous ensemble</t>
  </si>
  <si>
    <t>Ono pert temporairement l'usage d'un de ses yeux et par conséquent, il n'est plus l'animal qui a la vue la plus perçante. Il se demande alors s'il a toujours sa place dans la Garde du Roi Lion.</t>
  </si>
  <si>
    <t>FR30331-HDTX</t>
  </si>
  <si>
    <t>Le Puits aux Voux</t>
  </si>
  <si>
    <t>Lorsque Ambre découvre un puits aux voeux, elle apprend à ses dépens qu’il faut être prudent avec ses souhaits, car ils pourraient bien se réaliser.</t>
  </si>
  <si>
    <t>FR30619-HDTX</t>
  </si>
  <si>
    <t>La course au Giganto / Le festin nocturne de Bill</t>
  </si>
  <si>
    <t>Rocky est le plus rapide. Sauf quand Mazu se retrouve roulée en boule à dévaler une pente ! Là elle le dépasse. Hm, ça lui donne une idée. Et elle invente quatre véhicules préhistoriques montés sur roues, pour elle et ses amis ! Que la course commence ! / Toutes les réserves de nourriture de Bill sont vides ! C’est arrivé pendant la nuit ! Quelqu’un a dû les lui voler… Et il court partout accusant n’importe qui à tort et à travers, y compris Giganto. Il décide avec ses amis (plutôt dubitatifs) de camper la nuit et d’observer Giganto : peut-être qu’il le prendra sur le fait !</t>
  </si>
  <si>
    <t>FR65945-HDTX</t>
  </si>
  <si>
    <t>Mickey et le temple mystérieux</t>
  </si>
  <si>
    <t>107</t>
  </si>
  <si>
    <t>Réalisateur: Sherie Pollack, Réalisateur: Rob LaDucaRéalisateur: Sherie Pollack, Réalisateur: Rob LaDuca</t>
  </si>
  <si>
    <t>Mickey et ses amis partent à la rechercher d’un mystérieux temple à oreilles de Mickey.</t>
  </si>
  <si>
    <t>FR31219-HDTX</t>
  </si>
  <si>
    <t>Chef Dingo à gogo</t>
  </si>
  <si>
    <t>108</t>
  </si>
  <si>
    <t>Dingo ouvre un restaurant itinérant et se retrouve vite débordé devant le nombre des commandes.</t>
  </si>
  <si>
    <t>FR31220-HDTX</t>
  </si>
  <si>
    <t>Bibou et le Professeur Ninja / Yoyo et le robot cassé</t>
  </si>
  <si>
    <t>Ninjaka hypnotise et kidnappe le professeur des Pyjamasques - mais comment vont-il faire pour le récupérer ? / Lors d'une course poursuite entre Roméo et les Pyjamasques, Robot est abimé et tombe inerte sur le côté. Obnubilés par leur mission, les Pyjamasques décident de le réparer plus tard, mais ils ne réalisent pas que PJ Robot est vraiment contrarié par cette décision. PJ Robot se met alors en route pour réparer Robot tout seul .... sans se rendre compte qu'il tombe dans un piège....</t>
  </si>
  <si>
    <t>FR68521-HDTX</t>
  </si>
  <si>
    <t>PRINCESSE SOFIA : LA MALÉDICTION DE PRINCESSE EVA</t>
  </si>
  <si>
    <t>Ambre vole l'amulette de Sofia et se retrouve victime d'un mauvais sort. La méchante Eva apparait et menace Enchancia. Grâce à Raiponce, Ambre parvient à réparer son erreur.</t>
  </si>
  <si>
    <t>FR32787-HDTX</t>
  </si>
  <si>
    <t>Retour aux sources / Incident mécanique</t>
  </si>
  <si>
    <t>Pipou et Freddy livrent un bébé pingouin dans la région d'origine de Pipou. Quand Pipou et Freddy cassent l'une des machines de TOTS, ils sont déterminés à la réparer tous seuls</t>
  </si>
  <si>
    <t>FR72108-HDTX</t>
  </si>
  <si>
    <t>Gluglu et le ninja-lézard/Bibou et sa nouvelle meilleure amie</t>
  </si>
  <si>
    <t>Lionel mange de la lave collante malencontreusement ramenée de la Montagne Msytérieuse par Gluglu et acquiert des pouvoirs télékinétiques. Glulgu commence à l'entraîner pour en faire son "Super animal". Mais Ninjaka vole Lionel et l'utilise ingénieusement contre les Pyjamasques. /Alors que Sorceline est abandonnée par les Papinuits devant les Pyjamasques, Bibou accepte de devenir sa nouvelle meilleure amie et la laisse entrer dans le QG, sans écouter ses vrais amis Yoyo et Gluglu quand ils l'avertissent que cela pourrait être un piège.</t>
  </si>
  <si>
    <t>FR68522-HDTX</t>
  </si>
  <si>
    <t>Les Pyjamasques rencontrent Flamme Rouge - Partie 1/Les Pyjamasques rencontrent Flamme Rouge - Partie 2</t>
  </si>
  <si>
    <t>Ninjaka vole un ancien parchemin et le Gong au Dragon au musée et les emporte à la montagne mystèrieuse avec l'espoir de libérer le Dragon pour l'aider à percer les secrets de la montagne, gagner plus de pouvoir, et vaincre les Pyjamasques. Il libère la fille Dragon, Flamme Rouge, une petite fille Maitre Dragon et gardienne de la montage mystère condamnée à rester prisonière du Gong). En la libérant, Ninjaka accède à l'intérieur du temple de la montagne mystérieuse. Mais Les Pyjamasques vont empêcher Ninjaka de libérer la magie de la montagne.</t>
  </si>
  <si>
    <t>FR68523-HDTX</t>
  </si>
  <si>
    <t>Yoyo et la Grande Course des méchants/ Yoyo et les Ninja-pirates</t>
  </si>
  <si>
    <t>Le Chat-bolide a été volé par Roméo et pour le récupérer, Yoyo doit faire une course contre Sorceline, Ninjaka et les Farfeloups. Face à ses rivaux et craignant qu'il ne perde sa précieuse voiture pour toujours, la tentation de tricher devient grande. / Ninjaka vole à nouveau le char des pirates et refait surface sous son surnom de Pirate Ninja, assiégeant les canaux de la ville. L'excès de confiance de Gluglu et Bibou joue en faveur de Ninjaka ; ce n'est que lorsqu'ils incluent Yoyo dans leurs plans et travaillent en équipe qu'ils peuvent réussir.</t>
  </si>
  <si>
    <t>FR68524-HDTX</t>
  </si>
  <si>
    <t>Tatouro'Chef / Bibou-je-sais-tout</t>
  </si>
  <si>
    <t>Désireux de prouver qu'il peut être un grand Leader, Tatouro'Tom essaie d'entraîner les Farfeloups à devenir des héros. Gluglu persuade ses camarades d'aider Tatouro'Tom et les Pyjamasques jouent les méchants pendant l'entraînement des Farfeloups. /Convaincue que Roméo a encore utilisé sa machine à glaçon, Bibou refuse d'écouter Robot et donne aux Farfeloups une chance de congeler la ville avec les inventions volées de Roméo.</t>
  </si>
  <si>
    <t>FR68525-HDTX</t>
  </si>
  <si>
    <t>Voyages en Sacs à Dos</t>
  </si>
  <si>
    <t>Maman et Papa partent à l'aventure avec pour sacs à dos leurs coquines de filles! Entre les visites et l'achat de nourriture dans la rue, l'aventure est une franche réussite, jusqu'à ce qu'ils perdent leurs passeports !</t>
  </si>
  <si>
    <t>FR79408-HDTX</t>
  </si>
  <si>
    <t>FR86125-HDTX</t>
  </si>
  <si>
    <t>Un Père Noël pour Bob / Monsieur Brrr</t>
  </si>
  <si>
    <t>Réalisateur: Bill Breneisen, Réalisateur: Stephanie Arnett</t>
  </si>
  <si>
    <t>Quand la batterie de R.A.F. tombe à plat, les chiots et leurs amis partent à sa rescousse.</t>
  </si>
  <si>
    <t>FR61667-HDTX</t>
  </si>
  <si>
    <t>Mira Détective Royale S1 Ep 5</t>
  </si>
  <si>
    <t>FR79293-HDTX</t>
  </si>
  <si>
    <t>Le Nin'Géant</t>
  </si>
  <si>
    <t>Alors qu'il cherche une caverne secrète dans la montage mystérieuse, Ninjaminus le plus petit des Ninjazouaves trébuche dans une flaque de "lave collante magique" qui le transforme (à son insu et sans qu'il le sache) en Gigantus. Le Gigantus combat les Pyjamasques avec ses jets de lave collante et les piège dans la montage mysterieuse. Ninjaka emmène son Gigantus en ville pour s'approprier la nuit.</t>
  </si>
  <si>
    <t>FR68526-HDTX</t>
  </si>
  <si>
    <t>La grande migration</t>
  </si>
  <si>
    <t>Kion et la Garde doivent guider un grand troupeau à travers la Terre Interdite, pour trouver des pâturages.</t>
  </si>
  <si>
    <t>FR30338-HDTX</t>
  </si>
  <si>
    <t>Panique à la pouponnière</t>
  </si>
  <si>
    <t>115</t>
  </si>
  <si>
    <t>Stuart la Cigogne s'étant tordu la patte, Câline et son équipe doivent transporter les "bébés" de la Fabrique à Poupons jusqu'à la pouponnière.</t>
  </si>
  <si>
    <t>FR31324-HDTX</t>
  </si>
  <si>
    <t>Cache-Cache-Cri/L'Apprentie Sorcière</t>
  </si>
  <si>
    <t>Pendant une partie de cache-cache-cri, Bridget disparait. De célèbres sorciers viennent à l'auberge et Vampirina aide leur fille à apprendre à se transformer en chat.</t>
  </si>
  <si>
    <t>FR56764-HDTX</t>
  </si>
  <si>
    <t>Yoyo et le secret de la Pagode / Les Pyjamasques et la Tempête Ninja</t>
  </si>
  <si>
    <t>Désireux d'impressionner Flamme Rouge,Yoyo rivalise avec elle et cela donne l'occasion à Ninjaka d'entrer dans la pagode et d'en découvrir les secrets. / Pour arrêter la tempête magique de Ninjaka et protéger la montagne, Flamme Rouge doit résoudre l'ancienne énigme qui fera d'elle un véritable maître de la montagne. Elle échoue à plusieurs reprises, puis réalise qu'elle doit compter sur l'aider des Pyjamasques pour réussir.</t>
  </si>
  <si>
    <t>FR68527-HDTX</t>
  </si>
  <si>
    <t>Le Roi James</t>
  </si>
  <si>
    <t>Sur l’initiative de son père, James devient le roi d’Enchancia durant une journée. Il va vite connaître les désagréments de la fonction de roi.</t>
  </si>
  <si>
    <t>FR30620-HDTX</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indexed="8"/>
      <name val="Calibri"/>
      <family val="2"/>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b/>
      <i/>
      <sz val="11"/>
      <color indexed="8"/>
      <name val="Calibri"/>
      <family val="2"/>
    </font>
    <font>
      <b/>
      <i/>
      <sz val="10"/>
      <color indexed="8"/>
      <name val="Arial"/>
      <family val="2"/>
    </font>
    <font>
      <sz val="10"/>
      <color indexed="8"/>
      <name val="Arial"/>
      <family val="2"/>
    </font>
    <font>
      <sz val="10"/>
      <color theme="1"/>
      <name val="Arial"/>
      <family val="2"/>
    </font>
    <font>
      <sz val="10"/>
      <color rgb="FF2D2D2D"/>
      <name val="Arial"/>
      <family val="2"/>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7"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7"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7"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7"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7"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7" fillId="32" borderId="0" applyNumberFormat="0" applyBorder="0" applyAlignment="0" applyProtection="0"/>
  </cellStyleXfs>
  <cellXfs count="9">
    <xf numFmtId="0" fontId="0" fillId="0" borderId="0" xfId="0"/>
    <xf numFmtId="0" fontId="18" fillId="0" borderId="0" xfId="0" applyFont="1"/>
    <xf numFmtId="0" fontId="19" fillId="0" borderId="0" xfId="0" applyFont="1" applyAlignment="1"/>
    <xf numFmtId="0" fontId="20" fillId="0" borderId="0" xfId="0" applyFont="1" applyAlignment="1"/>
    <xf numFmtId="14" fontId="20" fillId="0" borderId="0" xfId="0" applyNumberFormat="1" applyFont="1" applyAlignment="1"/>
    <xf numFmtId="21" fontId="20" fillId="0" borderId="0" xfId="0" applyNumberFormat="1" applyFont="1" applyAlignment="1"/>
    <xf numFmtId="0" fontId="19" fillId="0" borderId="0" xfId="0" applyFont="1"/>
    <xf numFmtId="0" fontId="21" fillId="0" borderId="0" xfId="0" applyFont="1"/>
    <xf numFmtId="0" fontId="22" fillId="0" borderId="0" xfId="0" applyFont="1"/>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ustomBuiltin="1"/>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25">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26" formatCode="hh:mm:ss"/>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19" formatCode="dd/mm/yyyy"/>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i/>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border>
        <left style="thin">
          <color auto="1"/>
        </left>
        <right style="thin">
          <color auto="1"/>
        </right>
        <top style="thin">
          <color auto="1"/>
        </top>
        <bottom style="thin">
          <color auto="1"/>
        </bottom>
        <vertical style="thin">
          <color auto="1"/>
        </vertical>
        <horizontal style="thin">
          <color auto="1"/>
        </horizontal>
      </border>
    </dxf>
  </dxfs>
  <tableStyles count="1" defaultTableStyle="TableStyleMedium2" defaultPivotStyle="PivotStyleLight16">
    <tableStyle name="Table Style 1" pivot="0" count="1">
      <tableStyleElement type="wholeTable" dxfId="24"/>
    </tableStyl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06/relationships/vbaProject" Target="vbaProject.bin"/><Relationship Id="rId5" Type="http://schemas.openxmlformats.org/officeDocument/2006/relationships/sharedStrings" Target="sharedStrings.xml"/><Relationship Id="rId4" Type="http://schemas.openxmlformats.org/officeDocument/2006/relationships/styles" Target="styles.xml"/></Relationships>
</file>

<file path=xl/tables/table1.xml><?xml version="1.0" encoding="utf-8"?>
<table xmlns="http://schemas.openxmlformats.org/spreadsheetml/2006/main" id="1" name="Table1" displayName="Table1" ref="A1:V277" totalsRowShown="0" headerRowDxfId="23" dataDxfId="22">
  <autoFilter ref="A1:V277"/>
  <tableColumns count="22">
    <tableColumn id="1" name="Channel" dataDxfId="21"/>
    <tableColumn id="2" name="TX Date" dataDxfId="20"/>
    <tableColumn id="3" name="Day" dataDxfId="19"/>
    <tableColumn id="4" name="TX Time" dataDxfId="18"/>
    <tableColumn id="5" name="Series Title" dataDxfId="17"/>
    <tableColumn id="6" name="Episode Title" dataDxfId="16"/>
    <tableColumn id="7" name="Episode No" dataDxfId="15"/>
    <tableColumn id="8" name="Season" dataDxfId="14"/>
    <tableColumn id="9" name="Cast Info" dataDxfId="13"/>
    <tableColumn id="10" name="Synopsis" dataDxfId="12"/>
    <tableColumn id="11" name="Programme Type" dataDxfId="11"/>
    <tableColumn id="12" name="Genre" dataDxfId="10"/>
    <tableColumn id="13" name="Production Country" dataDxfId="9"/>
    <tableColumn id="14" name="Production Year" dataDxfId="8"/>
    <tableColumn id="15" name="Duration" dataDxfId="7"/>
    <tableColumn id="16" name="IDSubtitle" dataDxfId="6"/>
    <tableColumn id="17" name="Sound" dataDxfId="5"/>
    <tableColumn id="18" name="Programme Format" dataDxfId="4"/>
    <tableColumn id="19" name="TX ID" dataDxfId="3"/>
    <tableColumn id="20" name="Inedit" dataDxfId="2"/>
    <tableColumn id="21" name="LSF" dataDxfId="1"/>
    <tableColumn id="22" name="Audio Described" dataDxfId="0"/>
  </tableColumns>
  <tableStyleInfo name="Table Style 1"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V280"/>
  <sheetViews>
    <sheetView topLeftCell="B204" zoomScale="78" zoomScaleNormal="78" workbookViewId="0">
      <selection activeCell="N204" sqref="M204:N204"/>
    </sheetView>
  </sheetViews>
  <sheetFormatPr defaultRowHeight="15" x14ac:dyDescent="0.25"/>
  <cols>
    <col min="1" max="1" width="4.85546875" customWidth="1"/>
    <col min="2" max="2" width="10.5703125" customWidth="1"/>
    <col min="3" max="3" width="9.5703125" customWidth="1"/>
    <col min="4" max="4" width="10.5703125" customWidth="1"/>
    <col min="5" max="5" width="56" customWidth="1"/>
    <col min="6" max="6" width="47.42578125" customWidth="1"/>
    <col min="7" max="7" width="8.42578125" customWidth="1"/>
    <col min="8" max="8" width="6.140625" customWidth="1"/>
    <col min="9" max="9" width="11.7109375" customWidth="1"/>
    <col min="10" max="10" width="79.42578125" customWidth="1"/>
    <col min="11" max="11" width="9.5703125" customWidth="1"/>
    <col min="12" max="12" width="11.140625" customWidth="1"/>
    <col min="13" max="13" width="14.5703125" customWidth="1"/>
    <col min="14" max="14" width="8.7109375" customWidth="1"/>
    <col min="15" max="15" width="9.85546875" customWidth="1"/>
    <col min="16" max="16" width="16.85546875" customWidth="1"/>
    <col min="17" max="17" width="12.7109375" customWidth="1"/>
    <col min="18" max="18" width="4.85546875" customWidth="1"/>
    <col min="19" max="19" width="12.5703125" customWidth="1"/>
    <col min="20" max="20" width="10.140625" customWidth="1"/>
    <col min="21" max="22" width="4.85546875" customWidth="1"/>
  </cols>
  <sheetData>
    <row r="1" spans="1:22" s="1" customFormat="1"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22</v>
      </c>
      <c r="B2" s="4" t="s">
        <v>23</v>
      </c>
      <c r="C2" s="3" t="s">
        <v>24</v>
      </c>
      <c r="D2" s="5" t="s">
        <v>25</v>
      </c>
      <c r="E2" s="3" t="s">
        <v>26</v>
      </c>
      <c r="F2" s="3" t="s">
        <v>27</v>
      </c>
      <c r="G2" s="3" t="s">
        <v>28</v>
      </c>
      <c r="H2" s="3" t="s">
        <v>29</v>
      </c>
      <c r="I2" s="3" t="s">
        <v>30</v>
      </c>
      <c r="J2" s="3" t="s">
        <v>31</v>
      </c>
      <c r="K2" s="3" t="s">
        <v>32</v>
      </c>
      <c r="L2" s="3" t="s">
        <v>33</v>
      </c>
      <c r="M2" s="3" t="s">
        <v>34</v>
      </c>
      <c r="N2" s="3" t="s">
        <v>35</v>
      </c>
      <c r="O2" s="3" t="s">
        <v>36</v>
      </c>
      <c r="P2" s="3" t="s">
        <v>37</v>
      </c>
      <c r="Q2" s="3" t="s">
        <v>37</v>
      </c>
      <c r="R2" s="3" t="s">
        <v>38</v>
      </c>
      <c r="S2" s="3" t="s">
        <v>39</v>
      </c>
      <c r="T2" s="3" t="s">
        <v>37</v>
      </c>
      <c r="U2" s="3" t="s">
        <v>37</v>
      </c>
      <c r="V2" s="3" t="s">
        <v>37</v>
      </c>
    </row>
    <row r="3" spans="1:22" x14ac:dyDescent="0.25">
      <c r="A3" s="3" t="s">
        <v>22</v>
      </c>
      <c r="B3" s="4" t="s">
        <v>23</v>
      </c>
      <c r="C3" s="3" t="s">
        <v>24</v>
      </c>
      <c r="D3" s="5" t="s">
        <v>40</v>
      </c>
      <c r="E3" s="3" t="s">
        <v>26</v>
      </c>
      <c r="F3" s="3" t="s">
        <v>41</v>
      </c>
      <c r="G3" s="3" t="s">
        <v>42</v>
      </c>
      <c r="H3" s="3" t="s">
        <v>29</v>
      </c>
      <c r="I3" s="3" t="s">
        <v>30</v>
      </c>
      <c r="J3" s="3" t="s">
        <v>43</v>
      </c>
      <c r="K3" s="3" t="s">
        <v>32</v>
      </c>
      <c r="L3" s="3" t="s">
        <v>33</v>
      </c>
      <c r="M3" s="3" t="s">
        <v>34</v>
      </c>
      <c r="N3" s="3" t="s">
        <v>35</v>
      </c>
      <c r="O3" s="3" t="s">
        <v>36</v>
      </c>
      <c r="P3" s="3" t="s">
        <v>37</v>
      </c>
      <c r="Q3" s="3" t="s">
        <v>37</v>
      </c>
      <c r="R3" s="3" t="s">
        <v>38</v>
      </c>
      <c r="S3" s="3" t="s">
        <v>44</v>
      </c>
      <c r="T3" s="3" t="s">
        <v>37</v>
      </c>
      <c r="U3" s="3" t="s">
        <v>37</v>
      </c>
      <c r="V3" s="3" t="s">
        <v>37</v>
      </c>
    </row>
    <row r="4" spans="1:22" x14ac:dyDescent="0.25">
      <c r="A4" s="3" t="s">
        <v>22</v>
      </c>
      <c r="B4" s="4" t="s">
        <v>23</v>
      </c>
      <c r="C4" s="3" t="s">
        <v>24</v>
      </c>
      <c r="D4" s="5" t="s">
        <v>45</v>
      </c>
      <c r="E4" s="3" t="s">
        <v>46</v>
      </c>
      <c r="F4" s="3" t="s">
        <v>47</v>
      </c>
      <c r="G4" s="3" t="s">
        <v>48</v>
      </c>
      <c r="H4" s="3" t="s">
        <v>49</v>
      </c>
      <c r="I4" s="3" t="s">
        <v>50</v>
      </c>
      <c r="J4" s="3" t="s">
        <v>51</v>
      </c>
      <c r="K4" s="3" t="s">
        <v>32</v>
      </c>
      <c r="L4" s="3" t="s">
        <v>33</v>
      </c>
      <c r="M4" s="3" t="s">
        <v>34</v>
      </c>
      <c r="N4" s="3" t="s">
        <v>52</v>
      </c>
      <c r="O4" s="3" t="s">
        <v>53</v>
      </c>
      <c r="P4" s="3" t="s">
        <v>54</v>
      </c>
      <c r="Q4" s="3" t="s">
        <v>37</v>
      </c>
      <c r="R4" s="3" t="s">
        <v>38</v>
      </c>
      <c r="S4" s="3" t="s">
        <v>55</v>
      </c>
      <c r="T4" s="3" t="s">
        <v>37</v>
      </c>
      <c r="U4" s="3" t="s">
        <v>37</v>
      </c>
      <c r="V4" s="3" t="s">
        <v>37</v>
      </c>
    </row>
    <row r="5" spans="1:22" x14ac:dyDescent="0.25">
      <c r="A5" s="3" t="s">
        <v>22</v>
      </c>
      <c r="B5" s="4" t="s">
        <v>23</v>
      </c>
      <c r="C5" s="3" t="s">
        <v>24</v>
      </c>
      <c r="D5" s="5" t="s">
        <v>56</v>
      </c>
      <c r="E5" s="3" t="s">
        <v>46</v>
      </c>
      <c r="F5" s="3" t="s">
        <v>57</v>
      </c>
      <c r="G5" s="3" t="s">
        <v>58</v>
      </c>
      <c r="H5" s="3" t="s">
        <v>49</v>
      </c>
      <c r="I5" s="3" t="s">
        <v>50</v>
      </c>
      <c r="J5" s="3" t="s">
        <v>59</v>
      </c>
      <c r="K5" s="3" t="s">
        <v>32</v>
      </c>
      <c r="L5" s="3" t="s">
        <v>33</v>
      </c>
      <c r="M5" s="3" t="s">
        <v>34</v>
      </c>
      <c r="N5" s="3" t="s">
        <v>52</v>
      </c>
      <c r="O5" s="3" t="s">
        <v>53</v>
      </c>
      <c r="P5" s="3" t="s">
        <v>54</v>
      </c>
      <c r="Q5" s="3" t="s">
        <v>37</v>
      </c>
      <c r="R5" s="3" t="s">
        <v>38</v>
      </c>
      <c r="S5" s="3" t="s">
        <v>60</v>
      </c>
      <c r="T5" s="3" t="s">
        <v>37</v>
      </c>
      <c r="U5" s="3" t="s">
        <v>37</v>
      </c>
      <c r="V5" s="3" t="s">
        <v>37</v>
      </c>
    </row>
    <row r="6" spans="1:22" x14ac:dyDescent="0.25">
      <c r="A6" s="3" t="s">
        <v>22</v>
      </c>
      <c r="B6" s="4" t="s">
        <v>23</v>
      </c>
      <c r="C6" s="3" t="s">
        <v>24</v>
      </c>
      <c r="D6" s="5" t="s">
        <v>61</v>
      </c>
      <c r="E6" s="3" t="s">
        <v>62</v>
      </c>
      <c r="F6" s="3" t="s">
        <v>63</v>
      </c>
      <c r="G6" s="3" t="s">
        <v>64</v>
      </c>
      <c r="H6" s="3" t="s">
        <v>65</v>
      </c>
      <c r="I6" s="3" t="s">
        <v>37</v>
      </c>
      <c r="J6" s="3" t="s">
        <v>66</v>
      </c>
      <c r="K6" s="3" t="s">
        <v>32</v>
      </c>
      <c r="L6" s="3" t="s">
        <v>33</v>
      </c>
      <c r="M6" s="3" t="s">
        <v>67</v>
      </c>
      <c r="N6" s="3" t="s">
        <v>52</v>
      </c>
      <c r="O6" s="3" t="s">
        <v>53</v>
      </c>
      <c r="P6" s="3" t="s">
        <v>54</v>
      </c>
      <c r="Q6" s="3" t="s">
        <v>37</v>
      </c>
      <c r="R6" s="3" t="s">
        <v>38</v>
      </c>
      <c r="S6" s="3" t="s">
        <v>68</v>
      </c>
      <c r="T6" s="3" t="s">
        <v>37</v>
      </c>
      <c r="U6" s="3" t="s">
        <v>37</v>
      </c>
      <c r="V6" s="3" t="s">
        <v>37</v>
      </c>
    </row>
    <row r="7" spans="1:22" x14ac:dyDescent="0.25">
      <c r="A7" s="3" t="s">
        <v>22</v>
      </c>
      <c r="B7" s="4" t="s">
        <v>23</v>
      </c>
      <c r="C7" s="3" t="s">
        <v>24</v>
      </c>
      <c r="D7" s="5" t="s">
        <v>69</v>
      </c>
      <c r="E7" s="3" t="s">
        <v>70</v>
      </c>
      <c r="F7" s="3" t="s">
        <v>71</v>
      </c>
      <c r="G7" s="3" t="s">
        <v>72</v>
      </c>
      <c r="H7" s="3" t="s">
        <v>49</v>
      </c>
      <c r="I7" s="3" t="s">
        <v>37</v>
      </c>
      <c r="J7" s="3" t="s">
        <v>73</v>
      </c>
      <c r="K7" s="3" t="s">
        <v>32</v>
      </c>
      <c r="L7" s="3" t="s">
        <v>33</v>
      </c>
      <c r="M7" s="3" t="s">
        <v>67</v>
      </c>
      <c r="N7" s="3" t="s">
        <v>74</v>
      </c>
      <c r="O7" s="3" t="s">
        <v>53</v>
      </c>
      <c r="P7" s="3" t="s">
        <v>54</v>
      </c>
      <c r="Q7" s="3" t="s">
        <v>37</v>
      </c>
      <c r="R7" s="3" t="s">
        <v>38</v>
      </c>
      <c r="S7" s="3" t="s">
        <v>75</v>
      </c>
      <c r="T7" s="3" t="s">
        <v>37</v>
      </c>
      <c r="U7" s="3" t="s">
        <v>37</v>
      </c>
      <c r="V7" s="3" t="s">
        <v>37</v>
      </c>
    </row>
    <row r="8" spans="1:22" x14ac:dyDescent="0.25">
      <c r="A8" s="3" t="s">
        <v>22</v>
      </c>
      <c r="B8" s="4" t="s">
        <v>23</v>
      </c>
      <c r="C8" s="3" t="s">
        <v>24</v>
      </c>
      <c r="D8" s="5" t="s">
        <v>76</v>
      </c>
      <c r="E8" s="3" t="s">
        <v>70</v>
      </c>
      <c r="F8" s="3" t="s">
        <v>77</v>
      </c>
      <c r="G8" s="3" t="s">
        <v>78</v>
      </c>
      <c r="H8" s="3" t="s">
        <v>49</v>
      </c>
      <c r="I8" s="3" t="s">
        <v>37</v>
      </c>
      <c r="J8" s="3" t="s">
        <v>79</v>
      </c>
      <c r="K8" s="3" t="s">
        <v>32</v>
      </c>
      <c r="L8" s="3" t="s">
        <v>33</v>
      </c>
      <c r="M8" s="3" t="s">
        <v>67</v>
      </c>
      <c r="N8" s="3" t="s">
        <v>74</v>
      </c>
      <c r="O8" s="3" t="s">
        <v>53</v>
      </c>
      <c r="P8" s="3" t="s">
        <v>54</v>
      </c>
      <c r="Q8" s="3" t="s">
        <v>37</v>
      </c>
      <c r="R8" s="3" t="s">
        <v>38</v>
      </c>
      <c r="S8" s="3" t="s">
        <v>80</v>
      </c>
      <c r="T8" s="3" t="s">
        <v>37</v>
      </c>
      <c r="U8" s="3" t="s">
        <v>37</v>
      </c>
      <c r="V8" s="3" t="s">
        <v>37</v>
      </c>
    </row>
    <row r="9" spans="1:22" x14ac:dyDescent="0.25">
      <c r="A9" s="3" t="s">
        <v>22</v>
      </c>
      <c r="B9" s="4" t="s">
        <v>23</v>
      </c>
      <c r="C9" s="3" t="s">
        <v>24</v>
      </c>
      <c r="D9" s="5" t="s">
        <v>81</v>
      </c>
      <c r="E9" s="3" t="s">
        <v>46</v>
      </c>
      <c r="F9" s="3" t="s">
        <v>82</v>
      </c>
      <c r="G9" s="3" t="s">
        <v>83</v>
      </c>
      <c r="H9" s="3" t="s">
        <v>65</v>
      </c>
      <c r="I9" s="3" t="s">
        <v>50</v>
      </c>
      <c r="J9" s="3" t="s">
        <v>84</v>
      </c>
      <c r="K9" s="3" t="s">
        <v>32</v>
      </c>
      <c r="L9" s="3" t="s">
        <v>33</v>
      </c>
      <c r="M9" s="3" t="s">
        <v>34</v>
      </c>
      <c r="N9" s="3" t="s">
        <v>35</v>
      </c>
      <c r="O9" s="3" t="s">
        <v>53</v>
      </c>
      <c r="P9" s="3" t="s">
        <v>54</v>
      </c>
      <c r="Q9" s="3" t="s">
        <v>85</v>
      </c>
      <c r="R9" s="3" t="s">
        <v>38</v>
      </c>
      <c r="S9" s="3" t="s">
        <v>86</v>
      </c>
      <c r="T9" s="3" t="s">
        <v>37</v>
      </c>
      <c r="U9" s="3" t="s">
        <v>37</v>
      </c>
      <c r="V9" s="3" t="s">
        <v>37</v>
      </c>
    </row>
    <row r="10" spans="1:22" x14ac:dyDescent="0.25">
      <c r="A10" s="3" t="s">
        <v>22</v>
      </c>
      <c r="B10" s="4" t="s">
        <v>23</v>
      </c>
      <c r="C10" s="3" t="s">
        <v>24</v>
      </c>
      <c r="D10" s="5" t="s">
        <v>87</v>
      </c>
      <c r="E10" s="3" t="s">
        <v>46</v>
      </c>
      <c r="F10" s="3" t="s">
        <v>88</v>
      </c>
      <c r="G10" s="3" t="s">
        <v>89</v>
      </c>
      <c r="H10" s="3" t="s">
        <v>65</v>
      </c>
      <c r="I10" s="3" t="s">
        <v>50</v>
      </c>
      <c r="J10" s="3" t="s">
        <v>90</v>
      </c>
      <c r="K10" s="3" t="s">
        <v>32</v>
      </c>
      <c r="L10" s="3" t="s">
        <v>33</v>
      </c>
      <c r="M10" s="3" t="s">
        <v>34</v>
      </c>
      <c r="N10" s="3" t="s">
        <v>35</v>
      </c>
      <c r="O10" s="3" t="s">
        <v>53</v>
      </c>
      <c r="P10" s="3" t="s">
        <v>54</v>
      </c>
      <c r="Q10" s="3" t="s">
        <v>85</v>
      </c>
      <c r="R10" s="3" t="s">
        <v>38</v>
      </c>
      <c r="S10" s="3" t="s">
        <v>91</v>
      </c>
      <c r="T10" s="3" t="s">
        <v>37</v>
      </c>
      <c r="U10" s="3" t="s">
        <v>37</v>
      </c>
      <c r="V10" s="3" t="s">
        <v>37</v>
      </c>
    </row>
    <row r="11" spans="1:22" x14ac:dyDescent="0.25">
      <c r="A11" s="3" t="s">
        <v>22</v>
      </c>
      <c r="B11" s="4" t="s">
        <v>23</v>
      </c>
      <c r="C11" s="3" t="s">
        <v>24</v>
      </c>
      <c r="D11" s="5" t="s">
        <v>92</v>
      </c>
      <c r="E11" s="3" t="s">
        <v>46</v>
      </c>
      <c r="F11" s="3" t="s">
        <v>93</v>
      </c>
      <c r="G11" s="3" t="s">
        <v>94</v>
      </c>
      <c r="H11" s="3" t="s">
        <v>65</v>
      </c>
      <c r="I11" s="3" t="s">
        <v>50</v>
      </c>
      <c r="J11" s="3" t="s">
        <v>95</v>
      </c>
      <c r="K11" s="3" t="s">
        <v>32</v>
      </c>
      <c r="L11" s="3" t="s">
        <v>33</v>
      </c>
      <c r="M11" s="3" t="s">
        <v>34</v>
      </c>
      <c r="N11" s="3" t="s">
        <v>35</v>
      </c>
      <c r="O11" s="3" t="s">
        <v>53</v>
      </c>
      <c r="P11" s="3" t="s">
        <v>54</v>
      </c>
      <c r="Q11" s="3" t="s">
        <v>85</v>
      </c>
      <c r="R11" s="3" t="s">
        <v>38</v>
      </c>
      <c r="S11" s="3" t="s">
        <v>96</v>
      </c>
      <c r="T11" s="3" t="s">
        <v>37</v>
      </c>
      <c r="U11" s="3" t="s">
        <v>37</v>
      </c>
      <c r="V11" s="3" t="s">
        <v>37</v>
      </c>
    </row>
    <row r="12" spans="1:22" x14ac:dyDescent="0.25">
      <c r="A12" s="3" t="s">
        <v>22</v>
      </c>
      <c r="B12" s="4" t="s">
        <v>23</v>
      </c>
      <c r="C12" s="3" t="s">
        <v>24</v>
      </c>
      <c r="D12" s="5" t="s">
        <v>97</v>
      </c>
      <c r="E12" s="3" t="s">
        <v>46</v>
      </c>
      <c r="F12" s="3" t="s">
        <v>98</v>
      </c>
      <c r="G12" s="3" t="s">
        <v>99</v>
      </c>
      <c r="H12" s="3" t="s">
        <v>65</v>
      </c>
      <c r="I12" s="3" t="s">
        <v>50</v>
      </c>
      <c r="J12" s="3" t="s">
        <v>100</v>
      </c>
      <c r="K12" s="3" t="s">
        <v>32</v>
      </c>
      <c r="L12" s="3" t="s">
        <v>33</v>
      </c>
      <c r="M12" s="3" t="s">
        <v>34</v>
      </c>
      <c r="N12" s="3" t="s">
        <v>35</v>
      </c>
      <c r="O12" s="3" t="s">
        <v>53</v>
      </c>
      <c r="P12" s="3" t="s">
        <v>54</v>
      </c>
      <c r="Q12" s="3" t="s">
        <v>85</v>
      </c>
      <c r="R12" s="3" t="s">
        <v>38</v>
      </c>
      <c r="S12" s="3" t="s">
        <v>101</v>
      </c>
      <c r="T12" s="3" t="s">
        <v>37</v>
      </c>
      <c r="U12" s="3" t="s">
        <v>37</v>
      </c>
      <c r="V12" s="3" t="s">
        <v>37</v>
      </c>
    </row>
    <row r="13" spans="1:22" x14ac:dyDescent="0.25">
      <c r="A13" s="3" t="s">
        <v>22</v>
      </c>
      <c r="B13" s="4" t="s">
        <v>23</v>
      </c>
      <c r="C13" s="3" t="s">
        <v>24</v>
      </c>
      <c r="D13" s="5" t="s">
        <v>102</v>
      </c>
      <c r="E13" s="3" t="s">
        <v>46</v>
      </c>
      <c r="F13" s="3" t="s">
        <v>103</v>
      </c>
      <c r="G13" s="3" t="s">
        <v>104</v>
      </c>
      <c r="H13" s="3" t="s">
        <v>65</v>
      </c>
      <c r="I13" s="3" t="s">
        <v>50</v>
      </c>
      <c r="J13" s="3" t="s">
        <v>105</v>
      </c>
      <c r="K13" s="3" t="s">
        <v>32</v>
      </c>
      <c r="L13" s="3" t="s">
        <v>33</v>
      </c>
      <c r="M13" s="3" t="s">
        <v>34</v>
      </c>
      <c r="N13" s="3" t="s">
        <v>35</v>
      </c>
      <c r="O13" s="3" t="s">
        <v>53</v>
      </c>
      <c r="P13" s="3" t="s">
        <v>54</v>
      </c>
      <c r="Q13" s="3" t="s">
        <v>85</v>
      </c>
      <c r="R13" s="3" t="s">
        <v>38</v>
      </c>
      <c r="S13" s="3" t="s">
        <v>106</v>
      </c>
      <c r="T13" s="3" t="s">
        <v>37</v>
      </c>
      <c r="U13" s="3" t="s">
        <v>37</v>
      </c>
      <c r="V13" s="3" t="s">
        <v>37</v>
      </c>
    </row>
    <row r="14" spans="1:22" x14ac:dyDescent="0.25">
      <c r="A14" s="3" t="s">
        <v>22</v>
      </c>
      <c r="B14" s="4" t="s">
        <v>23</v>
      </c>
      <c r="C14" s="3" t="s">
        <v>24</v>
      </c>
      <c r="D14" s="5" t="s">
        <v>107</v>
      </c>
      <c r="E14" s="3" t="s">
        <v>108</v>
      </c>
      <c r="F14" s="3" t="s">
        <v>37</v>
      </c>
      <c r="G14" s="3" t="s">
        <v>37</v>
      </c>
      <c r="H14" s="3" t="s">
        <v>37</v>
      </c>
      <c r="I14" s="3" t="s">
        <v>37</v>
      </c>
      <c r="J14" s="3" t="s">
        <v>109</v>
      </c>
      <c r="K14" s="3" t="s">
        <v>32</v>
      </c>
      <c r="L14" s="3" t="s">
        <v>110</v>
      </c>
      <c r="M14" s="3" t="s">
        <v>67</v>
      </c>
      <c r="N14" s="3" t="s">
        <v>74</v>
      </c>
      <c r="O14" s="3" t="s">
        <v>111</v>
      </c>
      <c r="P14" s="3" t="s">
        <v>37</v>
      </c>
      <c r="Q14" s="3" t="s">
        <v>37</v>
      </c>
      <c r="R14" s="3" t="s">
        <v>38</v>
      </c>
      <c r="S14" s="3" t="s">
        <v>112</v>
      </c>
      <c r="T14" s="3" t="s">
        <v>37</v>
      </c>
      <c r="U14" s="3" t="s">
        <v>37</v>
      </c>
      <c r="V14" s="3" t="s">
        <v>37</v>
      </c>
    </row>
    <row r="15" spans="1:22" x14ac:dyDescent="0.25">
      <c r="A15" s="3" t="s">
        <v>22</v>
      </c>
      <c r="B15" s="4" t="s">
        <v>23</v>
      </c>
      <c r="C15" s="3" t="s">
        <v>24</v>
      </c>
      <c r="D15" s="5" t="s">
        <v>113</v>
      </c>
      <c r="E15" s="3" t="s">
        <v>46</v>
      </c>
      <c r="F15" s="3" t="s">
        <v>114</v>
      </c>
      <c r="G15" s="3" t="s">
        <v>115</v>
      </c>
      <c r="H15" s="3" t="s">
        <v>29</v>
      </c>
      <c r="I15" s="3" t="s">
        <v>50</v>
      </c>
      <c r="J15" s="3" t="s">
        <v>116</v>
      </c>
      <c r="K15" s="3" t="s">
        <v>32</v>
      </c>
      <c r="L15" s="3" t="s">
        <v>33</v>
      </c>
      <c r="M15" s="3" t="s">
        <v>34</v>
      </c>
      <c r="N15" s="3" t="s">
        <v>117</v>
      </c>
      <c r="O15" s="3" t="s">
        <v>53</v>
      </c>
      <c r="P15" s="3" t="s">
        <v>54</v>
      </c>
      <c r="Q15" s="3" t="s">
        <v>37</v>
      </c>
      <c r="R15" s="3" t="s">
        <v>38</v>
      </c>
      <c r="S15" s="3" t="s">
        <v>118</v>
      </c>
      <c r="T15" s="3" t="s">
        <v>37</v>
      </c>
      <c r="U15" s="3" t="s">
        <v>37</v>
      </c>
      <c r="V15" s="3" t="s">
        <v>37</v>
      </c>
    </row>
    <row r="16" spans="1:22" x14ac:dyDescent="0.25">
      <c r="A16" s="3" t="s">
        <v>22</v>
      </c>
      <c r="B16" s="4" t="s">
        <v>23</v>
      </c>
      <c r="C16" s="3" t="s">
        <v>24</v>
      </c>
      <c r="D16" s="5" t="s">
        <v>119</v>
      </c>
      <c r="E16" s="3" t="s">
        <v>46</v>
      </c>
      <c r="F16" s="3" t="s">
        <v>120</v>
      </c>
      <c r="G16" s="3" t="s">
        <v>121</v>
      </c>
      <c r="H16" s="3" t="s">
        <v>29</v>
      </c>
      <c r="I16" s="3" t="s">
        <v>50</v>
      </c>
      <c r="J16" s="3" t="s">
        <v>122</v>
      </c>
      <c r="K16" s="3" t="s">
        <v>32</v>
      </c>
      <c r="L16" s="3" t="s">
        <v>37</v>
      </c>
      <c r="M16" s="3" t="s">
        <v>34</v>
      </c>
      <c r="N16" s="3" t="s">
        <v>117</v>
      </c>
      <c r="O16" s="3" t="s">
        <v>53</v>
      </c>
      <c r="P16" s="3" t="s">
        <v>54</v>
      </c>
      <c r="Q16" s="3" t="s">
        <v>37</v>
      </c>
      <c r="R16" s="3" t="s">
        <v>38</v>
      </c>
      <c r="S16" s="3" t="s">
        <v>123</v>
      </c>
      <c r="T16" s="3" t="s">
        <v>37</v>
      </c>
      <c r="U16" s="3" t="s">
        <v>37</v>
      </c>
      <c r="V16" s="3" t="s">
        <v>37</v>
      </c>
    </row>
    <row r="17" spans="1:22" x14ac:dyDescent="0.25">
      <c r="A17" s="3" t="s">
        <v>22</v>
      </c>
      <c r="B17" s="4" t="s">
        <v>23</v>
      </c>
      <c r="C17" s="3" t="s">
        <v>24</v>
      </c>
      <c r="D17" s="5" t="s">
        <v>124</v>
      </c>
      <c r="E17" s="3" t="s">
        <v>125</v>
      </c>
      <c r="F17" s="3" t="s">
        <v>126</v>
      </c>
      <c r="G17" s="3" t="s">
        <v>127</v>
      </c>
      <c r="H17" s="3" t="s">
        <v>49</v>
      </c>
      <c r="I17" s="3" t="s">
        <v>37</v>
      </c>
      <c r="J17" s="3" t="s">
        <v>128</v>
      </c>
      <c r="K17" s="3" t="s">
        <v>32</v>
      </c>
      <c r="L17" s="3" t="s">
        <v>33</v>
      </c>
      <c r="M17" s="3" t="s">
        <v>67</v>
      </c>
      <c r="N17" s="3" t="s">
        <v>74</v>
      </c>
      <c r="O17" s="3" t="s">
        <v>53</v>
      </c>
      <c r="P17" s="3" t="s">
        <v>37</v>
      </c>
      <c r="Q17" s="3" t="s">
        <v>37</v>
      </c>
      <c r="R17" s="3" t="s">
        <v>38</v>
      </c>
      <c r="S17" s="3" t="s">
        <v>129</v>
      </c>
      <c r="T17" s="3" t="s">
        <v>37</v>
      </c>
      <c r="U17" s="3" t="s">
        <v>37</v>
      </c>
      <c r="V17" s="3" t="s">
        <v>37</v>
      </c>
    </row>
    <row r="18" spans="1:22" x14ac:dyDescent="0.25">
      <c r="A18" s="3" t="s">
        <v>22</v>
      </c>
      <c r="B18" s="4" t="s">
        <v>23</v>
      </c>
      <c r="C18" s="3" t="s">
        <v>24</v>
      </c>
      <c r="D18" s="5" t="s">
        <v>130</v>
      </c>
      <c r="E18" s="3" t="s">
        <v>125</v>
      </c>
      <c r="F18" s="3" t="s">
        <v>131</v>
      </c>
      <c r="G18" s="3" t="s">
        <v>115</v>
      </c>
      <c r="H18" s="3" t="s">
        <v>29</v>
      </c>
      <c r="I18" s="3" t="s">
        <v>132</v>
      </c>
      <c r="J18" s="3" t="s">
        <v>133</v>
      </c>
      <c r="K18" s="3" t="s">
        <v>32</v>
      </c>
      <c r="L18" s="3" t="s">
        <v>33</v>
      </c>
      <c r="M18" s="3" t="s">
        <v>67</v>
      </c>
      <c r="N18" s="3" t="s">
        <v>52</v>
      </c>
      <c r="O18" s="3" t="s">
        <v>53</v>
      </c>
      <c r="P18" s="3" t="s">
        <v>54</v>
      </c>
      <c r="Q18" s="3" t="s">
        <v>37</v>
      </c>
      <c r="R18" s="3" t="s">
        <v>38</v>
      </c>
      <c r="S18" s="3" t="s">
        <v>134</v>
      </c>
      <c r="T18" s="3" t="s">
        <v>37</v>
      </c>
      <c r="U18" s="3" t="s">
        <v>37</v>
      </c>
      <c r="V18" s="3" t="s">
        <v>37</v>
      </c>
    </row>
    <row r="19" spans="1:22" x14ac:dyDescent="0.25">
      <c r="A19" s="3" t="s">
        <v>22</v>
      </c>
      <c r="B19" s="4" t="s">
        <v>23</v>
      </c>
      <c r="C19" s="3" t="s">
        <v>24</v>
      </c>
      <c r="D19" s="5" t="s">
        <v>136</v>
      </c>
      <c r="E19" s="3" t="s">
        <v>137</v>
      </c>
      <c r="F19" s="3" t="s">
        <v>138</v>
      </c>
      <c r="G19" s="3" t="s">
        <v>139</v>
      </c>
      <c r="H19" s="3" t="s">
        <v>65</v>
      </c>
      <c r="I19" s="3" t="s">
        <v>140</v>
      </c>
      <c r="J19" s="3" t="s">
        <v>141</v>
      </c>
      <c r="K19" s="3" t="s">
        <v>32</v>
      </c>
      <c r="L19" s="3" t="s">
        <v>33</v>
      </c>
      <c r="M19" s="3" t="s">
        <v>34</v>
      </c>
      <c r="N19" s="3" t="s">
        <v>142</v>
      </c>
      <c r="O19" s="3" t="s">
        <v>143</v>
      </c>
      <c r="P19" s="3" t="s">
        <v>37</v>
      </c>
      <c r="Q19" s="3" t="s">
        <v>37</v>
      </c>
      <c r="R19" s="3" t="s">
        <v>38</v>
      </c>
      <c r="S19" s="3" t="s">
        <v>144</v>
      </c>
      <c r="T19" s="3" t="s">
        <v>37</v>
      </c>
      <c r="U19" s="3" t="s">
        <v>37</v>
      </c>
      <c r="V19" s="3" t="s">
        <v>37</v>
      </c>
    </row>
    <row r="20" spans="1:22" x14ac:dyDescent="0.25">
      <c r="A20" s="3" t="s">
        <v>22</v>
      </c>
      <c r="B20" s="4" t="s">
        <v>23</v>
      </c>
      <c r="C20" s="3" t="s">
        <v>24</v>
      </c>
      <c r="D20" s="5" t="s">
        <v>145</v>
      </c>
      <c r="E20" s="3" t="s">
        <v>137</v>
      </c>
      <c r="F20" s="3" t="s">
        <v>146</v>
      </c>
      <c r="G20" s="3" t="s">
        <v>147</v>
      </c>
      <c r="H20" s="3" t="s">
        <v>65</v>
      </c>
      <c r="I20" s="3" t="s">
        <v>140</v>
      </c>
      <c r="J20" s="3" t="s">
        <v>148</v>
      </c>
      <c r="K20" s="3" t="s">
        <v>32</v>
      </c>
      <c r="L20" s="3" t="s">
        <v>33</v>
      </c>
      <c r="M20" s="3" t="s">
        <v>34</v>
      </c>
      <c r="N20" s="3" t="s">
        <v>142</v>
      </c>
      <c r="O20" s="3" t="s">
        <v>143</v>
      </c>
      <c r="P20" s="3" t="s">
        <v>37</v>
      </c>
      <c r="Q20" s="3" t="s">
        <v>37</v>
      </c>
      <c r="R20" s="3" t="s">
        <v>38</v>
      </c>
      <c r="S20" s="3" t="s">
        <v>149</v>
      </c>
      <c r="T20" s="3" t="s">
        <v>37</v>
      </c>
      <c r="U20" s="3" t="s">
        <v>37</v>
      </c>
      <c r="V20" s="3" t="s">
        <v>37</v>
      </c>
    </row>
    <row r="21" spans="1:22" x14ac:dyDescent="0.25">
      <c r="A21" s="3" t="s">
        <v>22</v>
      </c>
      <c r="B21" s="4" t="s">
        <v>23</v>
      </c>
      <c r="C21" s="3" t="s">
        <v>24</v>
      </c>
      <c r="D21" s="5" t="s">
        <v>150</v>
      </c>
      <c r="E21" s="3" t="s">
        <v>137</v>
      </c>
      <c r="F21" s="3" t="s">
        <v>151</v>
      </c>
      <c r="G21" s="3" t="s">
        <v>48</v>
      </c>
      <c r="H21" s="3" t="s">
        <v>65</v>
      </c>
      <c r="I21" s="3" t="s">
        <v>140</v>
      </c>
      <c r="J21" s="3" t="s">
        <v>152</v>
      </c>
      <c r="K21" s="3" t="s">
        <v>32</v>
      </c>
      <c r="L21" s="3" t="s">
        <v>33</v>
      </c>
      <c r="M21" s="3" t="s">
        <v>34</v>
      </c>
      <c r="N21" s="3" t="s">
        <v>142</v>
      </c>
      <c r="O21" s="3" t="s">
        <v>143</v>
      </c>
      <c r="P21" s="3" t="s">
        <v>37</v>
      </c>
      <c r="Q21" s="3" t="s">
        <v>37</v>
      </c>
      <c r="R21" s="3" t="s">
        <v>38</v>
      </c>
      <c r="S21" s="3" t="s">
        <v>153</v>
      </c>
      <c r="T21" s="3" t="s">
        <v>37</v>
      </c>
      <c r="U21" s="3" t="s">
        <v>37</v>
      </c>
      <c r="V21" s="3" t="s">
        <v>37</v>
      </c>
    </row>
    <row r="22" spans="1:22" x14ac:dyDescent="0.25">
      <c r="A22" s="3" t="s">
        <v>22</v>
      </c>
      <c r="B22" s="4" t="s">
        <v>23</v>
      </c>
      <c r="C22" s="3" t="s">
        <v>24</v>
      </c>
      <c r="D22" s="5" t="s">
        <v>154</v>
      </c>
      <c r="E22" s="3" t="s">
        <v>70</v>
      </c>
      <c r="F22" s="3" t="s">
        <v>155</v>
      </c>
      <c r="G22" s="3" t="s">
        <v>156</v>
      </c>
      <c r="H22" s="3" t="s">
        <v>49</v>
      </c>
      <c r="I22" s="3" t="s">
        <v>37</v>
      </c>
      <c r="J22" s="3" t="s">
        <v>157</v>
      </c>
      <c r="K22" s="3" t="s">
        <v>32</v>
      </c>
      <c r="L22" s="3" t="s">
        <v>33</v>
      </c>
      <c r="M22" s="3" t="s">
        <v>67</v>
      </c>
      <c r="N22" s="3" t="s">
        <v>74</v>
      </c>
      <c r="O22" s="3" t="s">
        <v>53</v>
      </c>
      <c r="P22" s="3" t="s">
        <v>54</v>
      </c>
      <c r="Q22" s="3" t="s">
        <v>37</v>
      </c>
      <c r="R22" s="3" t="s">
        <v>38</v>
      </c>
      <c r="S22" s="3" t="s">
        <v>158</v>
      </c>
      <c r="T22" s="3" t="s">
        <v>37</v>
      </c>
      <c r="U22" s="3" t="s">
        <v>37</v>
      </c>
      <c r="V22" s="3" t="s">
        <v>37</v>
      </c>
    </row>
    <row r="23" spans="1:22" x14ac:dyDescent="0.25">
      <c r="A23" s="3" t="s">
        <v>22</v>
      </c>
      <c r="B23" s="4" t="s">
        <v>23</v>
      </c>
      <c r="C23" s="3" t="s">
        <v>24</v>
      </c>
      <c r="D23" s="5" t="s">
        <v>159</v>
      </c>
      <c r="E23" s="3" t="s">
        <v>70</v>
      </c>
      <c r="F23" s="3" t="s">
        <v>160</v>
      </c>
      <c r="G23" s="3" t="s">
        <v>161</v>
      </c>
      <c r="H23" s="3" t="s">
        <v>49</v>
      </c>
      <c r="I23" s="3" t="s">
        <v>37</v>
      </c>
      <c r="J23" s="3" t="s">
        <v>162</v>
      </c>
      <c r="K23" s="3" t="s">
        <v>32</v>
      </c>
      <c r="L23" s="3" t="s">
        <v>33</v>
      </c>
      <c r="M23" s="3" t="s">
        <v>67</v>
      </c>
      <c r="N23" s="3" t="s">
        <v>74</v>
      </c>
      <c r="O23" s="3" t="s">
        <v>53</v>
      </c>
      <c r="P23" s="3" t="s">
        <v>54</v>
      </c>
      <c r="Q23" s="3" t="s">
        <v>37</v>
      </c>
      <c r="R23" s="3" t="s">
        <v>38</v>
      </c>
      <c r="S23" s="3" t="s">
        <v>163</v>
      </c>
      <c r="T23" s="3" t="s">
        <v>37</v>
      </c>
      <c r="U23" s="3" t="s">
        <v>37</v>
      </c>
      <c r="V23" s="3" t="s">
        <v>37</v>
      </c>
    </row>
    <row r="24" spans="1:22" x14ac:dyDescent="0.25">
      <c r="A24" s="3" t="s">
        <v>22</v>
      </c>
      <c r="B24" s="4" t="s">
        <v>23</v>
      </c>
      <c r="C24" s="3" t="s">
        <v>24</v>
      </c>
      <c r="D24" s="5" t="s">
        <v>164</v>
      </c>
      <c r="E24" s="3" t="s">
        <v>46</v>
      </c>
      <c r="F24" s="3" t="s">
        <v>165</v>
      </c>
      <c r="G24" s="3" t="s">
        <v>166</v>
      </c>
      <c r="H24" s="3" t="s">
        <v>29</v>
      </c>
      <c r="I24" s="3" t="s">
        <v>50</v>
      </c>
      <c r="J24" s="3" t="s">
        <v>167</v>
      </c>
      <c r="K24" s="3" t="s">
        <v>32</v>
      </c>
      <c r="L24" s="3" t="s">
        <v>37</v>
      </c>
      <c r="M24" s="3" t="s">
        <v>34</v>
      </c>
      <c r="N24" s="3" t="s">
        <v>117</v>
      </c>
      <c r="O24" s="3" t="s">
        <v>53</v>
      </c>
      <c r="P24" s="3" t="s">
        <v>54</v>
      </c>
      <c r="Q24" s="3" t="s">
        <v>37</v>
      </c>
      <c r="R24" s="3" t="s">
        <v>38</v>
      </c>
      <c r="S24" s="3" t="s">
        <v>168</v>
      </c>
      <c r="T24" s="3" t="s">
        <v>37</v>
      </c>
      <c r="U24" s="3" t="s">
        <v>37</v>
      </c>
      <c r="V24" s="3" t="s">
        <v>37</v>
      </c>
    </row>
    <row r="25" spans="1:22" x14ac:dyDescent="0.25">
      <c r="A25" s="3" t="s">
        <v>22</v>
      </c>
      <c r="B25" s="4" t="s">
        <v>23</v>
      </c>
      <c r="C25" s="3" t="s">
        <v>24</v>
      </c>
      <c r="D25" s="5" t="s">
        <v>169</v>
      </c>
      <c r="E25" s="3" t="s">
        <v>46</v>
      </c>
      <c r="F25" s="3" t="s">
        <v>170</v>
      </c>
      <c r="G25" s="3" t="s">
        <v>171</v>
      </c>
      <c r="H25" s="3" t="s">
        <v>29</v>
      </c>
      <c r="I25" s="3" t="s">
        <v>50</v>
      </c>
      <c r="J25" s="3" t="s">
        <v>172</v>
      </c>
      <c r="K25" s="3" t="s">
        <v>32</v>
      </c>
      <c r="L25" s="3" t="s">
        <v>33</v>
      </c>
      <c r="M25" s="3" t="s">
        <v>34</v>
      </c>
      <c r="N25" s="3" t="s">
        <v>117</v>
      </c>
      <c r="O25" s="3" t="s">
        <v>53</v>
      </c>
      <c r="P25" s="3" t="s">
        <v>54</v>
      </c>
      <c r="Q25" s="3" t="s">
        <v>37</v>
      </c>
      <c r="R25" s="3" t="s">
        <v>38</v>
      </c>
      <c r="S25" s="3" t="s">
        <v>173</v>
      </c>
      <c r="T25" s="3" t="s">
        <v>37</v>
      </c>
      <c r="U25" s="3" t="s">
        <v>37</v>
      </c>
      <c r="V25" s="3" t="s">
        <v>37</v>
      </c>
    </row>
    <row r="26" spans="1:22" x14ac:dyDescent="0.25">
      <c r="A26" s="3" t="s">
        <v>22</v>
      </c>
      <c r="B26" s="4" t="s">
        <v>23</v>
      </c>
      <c r="C26" s="3" t="s">
        <v>24</v>
      </c>
      <c r="D26" s="5" t="s">
        <v>174</v>
      </c>
      <c r="E26" s="3" t="s">
        <v>175</v>
      </c>
      <c r="F26" s="3" t="s">
        <v>176</v>
      </c>
      <c r="G26" s="3" t="s">
        <v>177</v>
      </c>
      <c r="H26" s="3" t="s">
        <v>29</v>
      </c>
      <c r="I26" s="3" t="s">
        <v>37</v>
      </c>
      <c r="J26" s="3" t="s">
        <v>178</v>
      </c>
      <c r="K26" s="3" t="s">
        <v>32</v>
      </c>
      <c r="L26" s="3" t="s">
        <v>110</v>
      </c>
      <c r="M26" s="3" t="s">
        <v>67</v>
      </c>
      <c r="N26" s="3" t="s">
        <v>74</v>
      </c>
      <c r="O26" s="3" t="s">
        <v>179</v>
      </c>
      <c r="P26" s="3" t="s">
        <v>54</v>
      </c>
      <c r="Q26" s="3" t="s">
        <v>37</v>
      </c>
      <c r="R26" s="3" t="s">
        <v>38</v>
      </c>
      <c r="S26" s="3" t="s">
        <v>180</v>
      </c>
      <c r="T26" s="3" t="s">
        <v>181</v>
      </c>
      <c r="U26" s="3" t="s">
        <v>37</v>
      </c>
      <c r="V26" s="3" t="s">
        <v>37</v>
      </c>
    </row>
    <row r="27" spans="1:22" x14ac:dyDescent="0.25">
      <c r="A27" s="3" t="s">
        <v>22</v>
      </c>
      <c r="B27" s="4" t="s">
        <v>23</v>
      </c>
      <c r="C27" s="3" t="s">
        <v>24</v>
      </c>
      <c r="D27" s="5" t="s">
        <v>182</v>
      </c>
      <c r="E27" s="3" t="s">
        <v>183</v>
      </c>
      <c r="F27" s="3" t="s">
        <v>184</v>
      </c>
      <c r="G27" s="3" t="s">
        <v>171</v>
      </c>
      <c r="H27" s="3" t="s">
        <v>29</v>
      </c>
      <c r="I27" s="3" t="s">
        <v>37</v>
      </c>
      <c r="J27" s="3" t="s">
        <v>185</v>
      </c>
      <c r="K27" s="3" t="s">
        <v>32</v>
      </c>
      <c r="L27" s="3" t="s">
        <v>110</v>
      </c>
      <c r="M27" s="3" t="s">
        <v>67</v>
      </c>
      <c r="N27" s="3" t="s">
        <v>74</v>
      </c>
      <c r="O27" s="3" t="s">
        <v>36</v>
      </c>
      <c r="P27" s="3" t="s">
        <v>54</v>
      </c>
      <c r="Q27" s="3" t="s">
        <v>37</v>
      </c>
      <c r="R27" s="3" t="s">
        <v>38</v>
      </c>
      <c r="S27" s="3" t="s">
        <v>186</v>
      </c>
      <c r="T27" s="3" t="s">
        <v>181</v>
      </c>
      <c r="U27" s="3" t="s">
        <v>37</v>
      </c>
      <c r="V27" s="3" t="s">
        <v>37</v>
      </c>
    </row>
    <row r="28" spans="1:22" x14ac:dyDescent="0.25">
      <c r="A28" s="3" t="s">
        <v>22</v>
      </c>
      <c r="B28" s="4" t="s">
        <v>23</v>
      </c>
      <c r="C28" s="3" t="s">
        <v>24</v>
      </c>
      <c r="D28" s="5" t="s">
        <v>187</v>
      </c>
      <c r="E28" s="3" t="s">
        <v>188</v>
      </c>
      <c r="F28" s="3" t="s">
        <v>189</v>
      </c>
      <c r="G28" s="3" t="s">
        <v>147</v>
      </c>
      <c r="H28" s="3" t="s">
        <v>49</v>
      </c>
      <c r="I28" s="3" t="s">
        <v>37</v>
      </c>
      <c r="J28" s="3" t="s">
        <v>190</v>
      </c>
      <c r="K28" s="3" t="s">
        <v>32</v>
      </c>
      <c r="L28" s="3" t="s">
        <v>110</v>
      </c>
      <c r="M28" s="3" t="s">
        <v>67</v>
      </c>
      <c r="N28" s="3" t="s">
        <v>52</v>
      </c>
      <c r="O28" s="3" t="s">
        <v>179</v>
      </c>
      <c r="P28" s="3" t="s">
        <v>37</v>
      </c>
      <c r="Q28" s="3" t="s">
        <v>37</v>
      </c>
      <c r="R28" s="3" t="s">
        <v>38</v>
      </c>
      <c r="S28" s="3" t="s">
        <v>191</v>
      </c>
      <c r="T28" s="3" t="s">
        <v>181</v>
      </c>
      <c r="U28" s="3" t="s">
        <v>37</v>
      </c>
      <c r="V28" s="3" t="s">
        <v>37</v>
      </c>
    </row>
    <row r="29" spans="1:22" x14ac:dyDescent="0.25">
      <c r="A29" s="3" t="s">
        <v>22</v>
      </c>
      <c r="B29" s="4" t="s">
        <v>23</v>
      </c>
      <c r="C29" s="3" t="s">
        <v>24</v>
      </c>
      <c r="D29" s="5" t="s">
        <v>192</v>
      </c>
      <c r="E29" s="3" t="s">
        <v>46</v>
      </c>
      <c r="F29" s="3" t="s">
        <v>193</v>
      </c>
      <c r="G29" s="3" t="s">
        <v>194</v>
      </c>
      <c r="H29" s="3" t="s">
        <v>65</v>
      </c>
      <c r="I29" s="3" t="s">
        <v>50</v>
      </c>
      <c r="J29" s="3" t="s">
        <v>195</v>
      </c>
      <c r="K29" s="3" t="s">
        <v>32</v>
      </c>
      <c r="L29" s="3" t="s">
        <v>33</v>
      </c>
      <c r="M29" s="3" t="s">
        <v>34</v>
      </c>
      <c r="N29" s="3" t="s">
        <v>35</v>
      </c>
      <c r="O29" s="3" t="s">
        <v>53</v>
      </c>
      <c r="P29" s="3" t="s">
        <v>54</v>
      </c>
      <c r="Q29" s="3" t="s">
        <v>85</v>
      </c>
      <c r="R29" s="3" t="s">
        <v>38</v>
      </c>
      <c r="S29" s="3" t="s">
        <v>196</v>
      </c>
      <c r="T29" s="3" t="s">
        <v>37</v>
      </c>
      <c r="U29" s="3" t="s">
        <v>37</v>
      </c>
      <c r="V29" s="3" t="s">
        <v>37</v>
      </c>
    </row>
    <row r="30" spans="1:22" x14ac:dyDescent="0.25">
      <c r="A30" s="3" t="s">
        <v>22</v>
      </c>
      <c r="B30" s="4" t="s">
        <v>23</v>
      </c>
      <c r="C30" s="3" t="s">
        <v>24</v>
      </c>
      <c r="D30" s="5" t="s">
        <v>197</v>
      </c>
      <c r="E30" s="3" t="s">
        <v>46</v>
      </c>
      <c r="F30" s="3" t="s">
        <v>198</v>
      </c>
      <c r="G30" s="3" t="s">
        <v>199</v>
      </c>
      <c r="H30" s="3" t="s">
        <v>65</v>
      </c>
      <c r="I30" s="3" t="s">
        <v>50</v>
      </c>
      <c r="J30" s="3" t="s">
        <v>200</v>
      </c>
      <c r="K30" s="3" t="s">
        <v>32</v>
      </c>
      <c r="L30" s="3" t="s">
        <v>33</v>
      </c>
      <c r="M30" s="3" t="s">
        <v>34</v>
      </c>
      <c r="N30" s="3" t="s">
        <v>35</v>
      </c>
      <c r="O30" s="3" t="s">
        <v>53</v>
      </c>
      <c r="P30" s="3" t="s">
        <v>54</v>
      </c>
      <c r="Q30" s="3" t="s">
        <v>85</v>
      </c>
      <c r="R30" s="3" t="s">
        <v>38</v>
      </c>
      <c r="S30" s="3" t="s">
        <v>201</v>
      </c>
      <c r="T30" s="3" t="s">
        <v>37</v>
      </c>
      <c r="U30" s="3" t="s">
        <v>37</v>
      </c>
      <c r="V30" s="3" t="s">
        <v>37</v>
      </c>
    </row>
    <row r="31" spans="1:22" x14ac:dyDescent="0.25">
      <c r="A31" s="3" t="s">
        <v>22</v>
      </c>
      <c r="B31" s="4" t="s">
        <v>23</v>
      </c>
      <c r="C31" s="3" t="s">
        <v>24</v>
      </c>
      <c r="D31" s="5" t="s">
        <v>202</v>
      </c>
      <c r="E31" s="3" t="s">
        <v>46</v>
      </c>
      <c r="F31" s="3" t="s">
        <v>203</v>
      </c>
      <c r="G31" s="3" t="s">
        <v>204</v>
      </c>
      <c r="H31" s="3" t="s">
        <v>65</v>
      </c>
      <c r="I31" s="3" t="s">
        <v>50</v>
      </c>
      <c r="J31" s="3" t="s">
        <v>205</v>
      </c>
      <c r="K31" s="3" t="s">
        <v>32</v>
      </c>
      <c r="L31" s="3" t="s">
        <v>33</v>
      </c>
      <c r="M31" s="3" t="s">
        <v>34</v>
      </c>
      <c r="N31" s="3" t="s">
        <v>35</v>
      </c>
      <c r="O31" s="3" t="s">
        <v>53</v>
      </c>
      <c r="P31" s="3" t="s">
        <v>54</v>
      </c>
      <c r="Q31" s="3" t="s">
        <v>85</v>
      </c>
      <c r="R31" s="3" t="s">
        <v>38</v>
      </c>
      <c r="S31" s="3" t="s">
        <v>206</v>
      </c>
      <c r="T31" s="3" t="s">
        <v>37</v>
      </c>
      <c r="U31" s="3" t="s">
        <v>37</v>
      </c>
      <c r="V31" s="3" t="s">
        <v>37</v>
      </c>
    </row>
    <row r="32" spans="1:22" x14ac:dyDescent="0.25">
      <c r="A32" s="3" t="s">
        <v>22</v>
      </c>
      <c r="B32" s="4" t="s">
        <v>23</v>
      </c>
      <c r="C32" s="3" t="s">
        <v>24</v>
      </c>
      <c r="D32" s="5" t="s">
        <v>207</v>
      </c>
      <c r="E32" s="3" t="s">
        <v>46</v>
      </c>
      <c r="F32" s="3" t="s">
        <v>208</v>
      </c>
      <c r="G32" s="3" t="s">
        <v>29</v>
      </c>
      <c r="H32" s="3" t="s">
        <v>65</v>
      </c>
      <c r="I32" s="3" t="s">
        <v>209</v>
      </c>
      <c r="J32" s="3" t="s">
        <v>210</v>
      </c>
      <c r="K32" s="3" t="s">
        <v>32</v>
      </c>
      <c r="L32" s="3" t="s">
        <v>33</v>
      </c>
      <c r="M32" s="3" t="s">
        <v>34</v>
      </c>
      <c r="N32" s="3" t="s">
        <v>35</v>
      </c>
      <c r="O32" s="3" t="s">
        <v>53</v>
      </c>
      <c r="P32" s="3" t="s">
        <v>54</v>
      </c>
      <c r="Q32" s="3" t="s">
        <v>85</v>
      </c>
      <c r="R32" s="3" t="s">
        <v>38</v>
      </c>
      <c r="S32" s="3" t="s">
        <v>211</v>
      </c>
      <c r="T32" s="3" t="s">
        <v>37</v>
      </c>
      <c r="U32" s="3" t="s">
        <v>37</v>
      </c>
      <c r="V32" s="3" t="s">
        <v>37</v>
      </c>
    </row>
    <row r="33" spans="1:22" x14ac:dyDescent="0.25">
      <c r="A33" s="3" t="s">
        <v>22</v>
      </c>
      <c r="B33" s="4" t="s">
        <v>23</v>
      </c>
      <c r="C33" s="3" t="s">
        <v>24</v>
      </c>
      <c r="D33" s="5" t="s">
        <v>212</v>
      </c>
      <c r="E33" s="3" t="s">
        <v>213</v>
      </c>
      <c r="F33" s="3" t="s">
        <v>214</v>
      </c>
      <c r="G33" s="3" t="s">
        <v>99</v>
      </c>
      <c r="H33" s="3" t="s">
        <v>65</v>
      </c>
      <c r="I33" s="3" t="s">
        <v>37</v>
      </c>
      <c r="J33" s="3" t="s">
        <v>215</v>
      </c>
      <c r="K33" s="3" t="s">
        <v>32</v>
      </c>
      <c r="L33" s="3" t="s">
        <v>110</v>
      </c>
      <c r="M33" s="3" t="s">
        <v>67</v>
      </c>
      <c r="N33" s="3" t="s">
        <v>52</v>
      </c>
      <c r="O33" s="3" t="s">
        <v>36</v>
      </c>
      <c r="P33" s="3" t="s">
        <v>37</v>
      </c>
      <c r="Q33" s="3" t="s">
        <v>37</v>
      </c>
      <c r="R33" s="3" t="s">
        <v>38</v>
      </c>
      <c r="S33" s="3" t="s">
        <v>216</v>
      </c>
      <c r="T33" s="3" t="s">
        <v>37</v>
      </c>
      <c r="U33" s="3" t="s">
        <v>37</v>
      </c>
      <c r="V33" s="3" t="s">
        <v>37</v>
      </c>
    </row>
    <row r="34" spans="1:22" x14ac:dyDescent="0.25">
      <c r="A34" s="3" t="s">
        <v>22</v>
      </c>
      <c r="B34" s="4" t="s">
        <v>23</v>
      </c>
      <c r="C34" s="3" t="s">
        <v>24</v>
      </c>
      <c r="D34" s="5" t="s">
        <v>217</v>
      </c>
      <c r="E34" s="3" t="s">
        <v>213</v>
      </c>
      <c r="F34" s="3" t="s">
        <v>218</v>
      </c>
      <c r="G34" s="3" t="s">
        <v>194</v>
      </c>
      <c r="H34" s="3" t="s">
        <v>65</v>
      </c>
      <c r="I34" s="3" t="s">
        <v>37</v>
      </c>
      <c r="J34" s="3" t="s">
        <v>219</v>
      </c>
      <c r="K34" s="3" t="s">
        <v>32</v>
      </c>
      <c r="L34" s="3" t="s">
        <v>110</v>
      </c>
      <c r="M34" s="3" t="s">
        <v>67</v>
      </c>
      <c r="N34" s="3" t="s">
        <v>52</v>
      </c>
      <c r="O34" s="3" t="s">
        <v>53</v>
      </c>
      <c r="P34" s="3" t="s">
        <v>37</v>
      </c>
      <c r="Q34" s="3" t="s">
        <v>37</v>
      </c>
      <c r="R34" s="3" t="s">
        <v>38</v>
      </c>
      <c r="S34" s="3" t="s">
        <v>220</v>
      </c>
      <c r="T34" s="3" t="s">
        <v>37</v>
      </c>
      <c r="U34" s="3" t="s">
        <v>37</v>
      </c>
      <c r="V34" s="3" t="s">
        <v>37</v>
      </c>
    </row>
    <row r="35" spans="1:22" x14ac:dyDescent="0.25">
      <c r="A35" s="3" t="s">
        <v>22</v>
      </c>
      <c r="B35" s="4" t="s">
        <v>23</v>
      </c>
      <c r="C35" s="3" t="s">
        <v>24</v>
      </c>
      <c r="D35" s="5" t="s">
        <v>221</v>
      </c>
      <c r="E35" s="3" t="s">
        <v>175</v>
      </c>
      <c r="F35" s="3" t="s">
        <v>176</v>
      </c>
      <c r="G35" s="3" t="s">
        <v>177</v>
      </c>
      <c r="H35" s="3" t="s">
        <v>29</v>
      </c>
      <c r="I35" s="3" t="s">
        <v>37</v>
      </c>
      <c r="J35" s="3" t="s">
        <v>178</v>
      </c>
      <c r="K35" s="3" t="s">
        <v>32</v>
      </c>
      <c r="L35" s="3" t="s">
        <v>110</v>
      </c>
      <c r="M35" s="3" t="s">
        <v>67</v>
      </c>
      <c r="N35" s="3" t="s">
        <v>74</v>
      </c>
      <c r="O35" s="3" t="s">
        <v>179</v>
      </c>
      <c r="P35" s="3" t="s">
        <v>54</v>
      </c>
      <c r="Q35" s="3" t="s">
        <v>37</v>
      </c>
      <c r="R35" s="3" t="s">
        <v>38</v>
      </c>
      <c r="S35" s="3" t="s">
        <v>180</v>
      </c>
      <c r="T35" s="3" t="s">
        <v>37</v>
      </c>
      <c r="U35" s="3" t="s">
        <v>37</v>
      </c>
      <c r="V35" s="3" t="s">
        <v>37</v>
      </c>
    </row>
    <row r="36" spans="1:22" x14ac:dyDescent="0.25">
      <c r="A36" s="3" t="s">
        <v>22</v>
      </c>
      <c r="B36" s="4" t="s">
        <v>23</v>
      </c>
      <c r="C36" s="3" t="s">
        <v>24</v>
      </c>
      <c r="D36" s="5" t="s">
        <v>222</v>
      </c>
      <c r="E36" s="3" t="s">
        <v>175</v>
      </c>
      <c r="F36" s="3" t="s">
        <v>223</v>
      </c>
      <c r="G36" s="3" t="s">
        <v>89</v>
      </c>
      <c r="H36" s="3" t="s">
        <v>29</v>
      </c>
      <c r="I36" s="3" t="s">
        <v>37</v>
      </c>
      <c r="J36" s="3" t="s">
        <v>224</v>
      </c>
      <c r="K36" s="3" t="s">
        <v>32</v>
      </c>
      <c r="L36" s="3" t="s">
        <v>110</v>
      </c>
      <c r="M36" s="3" t="s">
        <v>67</v>
      </c>
      <c r="N36" s="3" t="s">
        <v>74</v>
      </c>
      <c r="O36" s="3" t="s">
        <v>179</v>
      </c>
      <c r="P36" s="3" t="s">
        <v>54</v>
      </c>
      <c r="Q36" s="3" t="s">
        <v>37</v>
      </c>
      <c r="R36" s="3" t="s">
        <v>38</v>
      </c>
      <c r="S36" s="3" t="s">
        <v>225</v>
      </c>
      <c r="T36" s="3" t="s">
        <v>37</v>
      </c>
      <c r="U36" s="3" t="s">
        <v>37</v>
      </c>
      <c r="V36" s="3" t="s">
        <v>37</v>
      </c>
    </row>
    <row r="37" spans="1:22" x14ac:dyDescent="0.25">
      <c r="A37" s="3" t="s">
        <v>22</v>
      </c>
      <c r="B37" s="4" t="s">
        <v>23</v>
      </c>
      <c r="C37" s="3" t="s">
        <v>24</v>
      </c>
      <c r="D37" s="5" t="s">
        <v>226</v>
      </c>
      <c r="E37" s="3" t="s">
        <v>227</v>
      </c>
      <c r="F37" s="3" t="s">
        <v>228</v>
      </c>
      <c r="G37" s="3" t="s">
        <v>229</v>
      </c>
      <c r="H37" s="3" t="s">
        <v>65</v>
      </c>
      <c r="I37" s="3" t="s">
        <v>37</v>
      </c>
      <c r="J37" s="3" t="s">
        <v>230</v>
      </c>
      <c r="K37" s="3" t="s">
        <v>32</v>
      </c>
      <c r="L37" s="3" t="s">
        <v>110</v>
      </c>
      <c r="M37" s="3" t="s">
        <v>67</v>
      </c>
      <c r="N37" s="3" t="s">
        <v>74</v>
      </c>
      <c r="O37" s="3" t="s">
        <v>231</v>
      </c>
      <c r="P37" s="3" t="s">
        <v>37</v>
      </c>
      <c r="Q37" s="3" t="s">
        <v>37</v>
      </c>
      <c r="R37" s="3" t="s">
        <v>38</v>
      </c>
      <c r="S37" s="3" t="s">
        <v>232</v>
      </c>
      <c r="T37" s="3" t="s">
        <v>37</v>
      </c>
      <c r="U37" s="3" t="s">
        <v>37</v>
      </c>
      <c r="V37" s="3" t="s">
        <v>37</v>
      </c>
    </row>
    <row r="38" spans="1:22" x14ac:dyDescent="0.25">
      <c r="A38" s="3" t="s">
        <v>22</v>
      </c>
      <c r="B38" s="4" t="s">
        <v>23</v>
      </c>
      <c r="C38" s="3" t="s">
        <v>24</v>
      </c>
      <c r="D38" s="5" t="s">
        <v>233</v>
      </c>
      <c r="E38" s="3" t="s">
        <v>227</v>
      </c>
      <c r="F38" s="3" t="s">
        <v>228</v>
      </c>
      <c r="G38" s="3" t="s">
        <v>234</v>
      </c>
      <c r="H38" s="3" t="s">
        <v>65</v>
      </c>
      <c r="I38" s="3" t="s">
        <v>37</v>
      </c>
      <c r="J38" s="3" t="s">
        <v>230</v>
      </c>
      <c r="K38" s="3" t="s">
        <v>32</v>
      </c>
      <c r="L38" s="3" t="s">
        <v>110</v>
      </c>
      <c r="M38" s="3" t="s">
        <v>67</v>
      </c>
      <c r="N38" s="3" t="s">
        <v>74</v>
      </c>
      <c r="O38" s="3" t="s">
        <v>231</v>
      </c>
      <c r="P38" s="3" t="s">
        <v>37</v>
      </c>
      <c r="Q38" s="3" t="s">
        <v>37</v>
      </c>
      <c r="R38" s="3" t="s">
        <v>38</v>
      </c>
      <c r="S38" s="3" t="s">
        <v>235</v>
      </c>
      <c r="T38" s="3" t="s">
        <v>37</v>
      </c>
      <c r="U38" s="3" t="s">
        <v>37</v>
      </c>
      <c r="V38" s="3" t="s">
        <v>37</v>
      </c>
    </row>
    <row r="39" spans="1:22" x14ac:dyDescent="0.25">
      <c r="A39" s="3"/>
      <c r="B39" s="4"/>
      <c r="C39" s="3"/>
      <c r="D39" s="5"/>
      <c r="E39" s="6" t="s">
        <v>236</v>
      </c>
      <c r="F39" s="3"/>
      <c r="G39" s="3"/>
      <c r="H39" s="3"/>
      <c r="I39" s="3"/>
      <c r="J39" s="3"/>
      <c r="K39" s="3"/>
      <c r="L39" s="3"/>
      <c r="M39" s="3"/>
      <c r="N39" s="3"/>
      <c r="O39" s="3"/>
      <c r="P39" s="3"/>
      <c r="Q39" s="3"/>
      <c r="R39" s="3"/>
      <c r="S39" s="3"/>
      <c r="T39" s="3"/>
      <c r="U39" s="3"/>
      <c r="V39" s="3"/>
    </row>
    <row r="40" spans="1:22" x14ac:dyDescent="0.25">
      <c r="A40" s="3"/>
      <c r="B40" s="4"/>
      <c r="C40" s="3"/>
      <c r="D40" s="5"/>
      <c r="E40" s="3"/>
      <c r="F40" s="3"/>
      <c r="G40" s="3"/>
      <c r="H40" s="3"/>
      <c r="I40" s="3"/>
      <c r="J40" s="3"/>
      <c r="K40" s="3"/>
      <c r="L40" s="3"/>
      <c r="M40" s="3"/>
      <c r="N40" s="3"/>
      <c r="O40" s="3"/>
      <c r="P40" s="3"/>
      <c r="Q40" s="3"/>
      <c r="R40" s="3"/>
      <c r="S40" s="3"/>
      <c r="T40" s="3"/>
      <c r="U40" s="3"/>
      <c r="V40" s="3"/>
    </row>
    <row r="41" spans="1:22" x14ac:dyDescent="0.25">
      <c r="A41" s="3" t="s">
        <v>22</v>
      </c>
      <c r="B41" s="4" t="s">
        <v>237</v>
      </c>
      <c r="C41" s="3" t="s">
        <v>238</v>
      </c>
      <c r="D41" s="5" t="s">
        <v>25</v>
      </c>
      <c r="E41" s="3" t="s">
        <v>239</v>
      </c>
      <c r="F41" s="3" t="s">
        <v>240</v>
      </c>
      <c r="G41" s="3" t="s">
        <v>121</v>
      </c>
      <c r="H41" s="3" t="s">
        <v>29</v>
      </c>
      <c r="I41" s="3" t="s">
        <v>241</v>
      </c>
      <c r="J41" s="3" t="s">
        <v>242</v>
      </c>
      <c r="K41" s="3" t="s">
        <v>32</v>
      </c>
      <c r="L41" s="3" t="s">
        <v>33</v>
      </c>
      <c r="M41" s="3" t="s">
        <v>243</v>
      </c>
      <c r="N41" s="3" t="s">
        <v>52</v>
      </c>
      <c r="O41" s="3" t="s">
        <v>244</v>
      </c>
      <c r="P41" s="3" t="s">
        <v>37</v>
      </c>
      <c r="Q41" s="3" t="s">
        <v>37</v>
      </c>
      <c r="R41" s="3" t="s">
        <v>38</v>
      </c>
      <c r="S41" s="3" t="s">
        <v>245</v>
      </c>
      <c r="T41" s="3" t="s">
        <v>37</v>
      </c>
      <c r="U41" s="3" t="s">
        <v>37</v>
      </c>
      <c r="V41" s="3" t="s">
        <v>37</v>
      </c>
    </row>
    <row r="42" spans="1:22" x14ac:dyDescent="0.25">
      <c r="A42" s="3" t="s">
        <v>22</v>
      </c>
      <c r="B42" s="4" t="s">
        <v>237</v>
      </c>
      <c r="C42" s="3" t="s">
        <v>238</v>
      </c>
      <c r="D42" s="5" t="s">
        <v>246</v>
      </c>
      <c r="E42" s="3" t="s">
        <v>239</v>
      </c>
      <c r="F42" s="3" t="s">
        <v>247</v>
      </c>
      <c r="G42" s="3" t="s">
        <v>248</v>
      </c>
      <c r="H42" s="3" t="s">
        <v>29</v>
      </c>
      <c r="I42" s="3" t="s">
        <v>249</v>
      </c>
      <c r="J42" s="3" t="s">
        <v>250</v>
      </c>
      <c r="K42" s="3" t="s">
        <v>32</v>
      </c>
      <c r="L42" s="3" t="s">
        <v>33</v>
      </c>
      <c r="M42" s="3" t="s">
        <v>243</v>
      </c>
      <c r="N42" s="3" t="s">
        <v>52</v>
      </c>
      <c r="O42" s="3" t="s">
        <v>244</v>
      </c>
      <c r="P42" s="3" t="s">
        <v>37</v>
      </c>
      <c r="Q42" s="3" t="s">
        <v>37</v>
      </c>
      <c r="R42" s="3" t="s">
        <v>38</v>
      </c>
      <c r="S42" s="3" t="s">
        <v>251</v>
      </c>
      <c r="T42" s="3" t="s">
        <v>37</v>
      </c>
      <c r="U42" s="3" t="s">
        <v>37</v>
      </c>
      <c r="V42" s="3" t="s">
        <v>37</v>
      </c>
    </row>
    <row r="43" spans="1:22" x14ac:dyDescent="0.25">
      <c r="A43" s="3" t="s">
        <v>22</v>
      </c>
      <c r="B43" s="4" t="s">
        <v>237</v>
      </c>
      <c r="C43" s="3" t="s">
        <v>238</v>
      </c>
      <c r="D43" s="5" t="s">
        <v>40</v>
      </c>
      <c r="E43" s="3" t="s">
        <v>239</v>
      </c>
      <c r="F43" s="3" t="s">
        <v>252</v>
      </c>
      <c r="G43" s="3" t="s">
        <v>253</v>
      </c>
      <c r="H43" s="3" t="s">
        <v>29</v>
      </c>
      <c r="I43" s="3" t="s">
        <v>241</v>
      </c>
      <c r="J43" s="3" t="s">
        <v>254</v>
      </c>
      <c r="K43" s="3" t="s">
        <v>32</v>
      </c>
      <c r="L43" s="3" t="s">
        <v>33</v>
      </c>
      <c r="M43" s="3" t="s">
        <v>243</v>
      </c>
      <c r="N43" s="3" t="s">
        <v>52</v>
      </c>
      <c r="O43" s="3" t="s">
        <v>244</v>
      </c>
      <c r="P43" s="3" t="s">
        <v>37</v>
      </c>
      <c r="Q43" s="3" t="s">
        <v>37</v>
      </c>
      <c r="R43" s="3" t="s">
        <v>38</v>
      </c>
      <c r="S43" s="3" t="s">
        <v>255</v>
      </c>
      <c r="T43" s="3" t="s">
        <v>37</v>
      </c>
      <c r="U43" s="3" t="s">
        <v>37</v>
      </c>
      <c r="V43" s="3" t="s">
        <v>37</v>
      </c>
    </row>
    <row r="44" spans="1:22" x14ac:dyDescent="0.25">
      <c r="A44" s="3" t="s">
        <v>22</v>
      </c>
      <c r="B44" s="4" t="s">
        <v>237</v>
      </c>
      <c r="C44" s="3" t="s">
        <v>238</v>
      </c>
      <c r="D44" s="5" t="s">
        <v>256</v>
      </c>
      <c r="E44" s="3" t="s">
        <v>239</v>
      </c>
      <c r="F44" s="3" t="s">
        <v>257</v>
      </c>
      <c r="G44" s="3" t="s">
        <v>65</v>
      </c>
      <c r="H44" s="3" t="s">
        <v>65</v>
      </c>
      <c r="I44" s="3" t="s">
        <v>258</v>
      </c>
      <c r="J44" s="3" t="s">
        <v>259</v>
      </c>
      <c r="K44" s="3" t="s">
        <v>32</v>
      </c>
      <c r="L44" s="3" t="s">
        <v>33</v>
      </c>
      <c r="M44" s="3" t="s">
        <v>243</v>
      </c>
      <c r="N44" s="3" t="s">
        <v>52</v>
      </c>
      <c r="O44" s="3" t="s">
        <v>244</v>
      </c>
      <c r="P44" s="3" t="s">
        <v>37</v>
      </c>
      <c r="Q44" s="3" t="s">
        <v>37</v>
      </c>
      <c r="R44" s="3" t="s">
        <v>38</v>
      </c>
      <c r="S44" s="3" t="s">
        <v>260</v>
      </c>
      <c r="T44" s="3" t="s">
        <v>37</v>
      </c>
      <c r="U44" s="3" t="s">
        <v>37</v>
      </c>
      <c r="V44" s="3" t="s">
        <v>37</v>
      </c>
    </row>
    <row r="45" spans="1:22" x14ac:dyDescent="0.25">
      <c r="A45" s="3" t="s">
        <v>22</v>
      </c>
      <c r="B45" s="4" t="s">
        <v>237</v>
      </c>
      <c r="C45" s="3" t="s">
        <v>238</v>
      </c>
      <c r="D45" s="5" t="s">
        <v>45</v>
      </c>
      <c r="E45" s="3" t="s">
        <v>46</v>
      </c>
      <c r="F45" s="3" t="s">
        <v>261</v>
      </c>
      <c r="G45" s="3" t="s">
        <v>262</v>
      </c>
      <c r="H45" s="3" t="s">
        <v>49</v>
      </c>
      <c r="I45" s="3" t="s">
        <v>50</v>
      </c>
      <c r="J45" s="3" t="s">
        <v>263</v>
      </c>
      <c r="K45" s="3" t="s">
        <v>32</v>
      </c>
      <c r="L45" s="3" t="s">
        <v>33</v>
      </c>
      <c r="M45" s="3" t="s">
        <v>34</v>
      </c>
      <c r="N45" s="3" t="s">
        <v>52</v>
      </c>
      <c r="O45" s="3" t="s">
        <v>53</v>
      </c>
      <c r="P45" s="3" t="s">
        <v>54</v>
      </c>
      <c r="Q45" s="3" t="s">
        <v>37</v>
      </c>
      <c r="R45" s="3" t="s">
        <v>38</v>
      </c>
      <c r="S45" s="3" t="s">
        <v>264</v>
      </c>
      <c r="T45" s="3" t="s">
        <v>37</v>
      </c>
      <c r="U45" s="3" t="s">
        <v>37</v>
      </c>
      <c r="V45" s="3" t="s">
        <v>37</v>
      </c>
    </row>
    <row r="46" spans="1:22" x14ac:dyDescent="0.25">
      <c r="A46" s="3" t="s">
        <v>22</v>
      </c>
      <c r="B46" s="4" t="s">
        <v>237</v>
      </c>
      <c r="C46" s="3" t="s">
        <v>238</v>
      </c>
      <c r="D46" s="5" t="s">
        <v>56</v>
      </c>
      <c r="E46" s="3" t="s">
        <v>46</v>
      </c>
      <c r="F46" s="3" t="s">
        <v>265</v>
      </c>
      <c r="G46" s="3" t="s">
        <v>127</v>
      </c>
      <c r="H46" s="3" t="s">
        <v>49</v>
      </c>
      <c r="I46" s="3" t="s">
        <v>50</v>
      </c>
      <c r="J46" s="3" t="s">
        <v>266</v>
      </c>
      <c r="K46" s="3" t="s">
        <v>32</v>
      </c>
      <c r="L46" s="3" t="s">
        <v>33</v>
      </c>
      <c r="M46" s="3" t="s">
        <v>34</v>
      </c>
      <c r="N46" s="3" t="s">
        <v>52</v>
      </c>
      <c r="O46" s="3" t="s">
        <v>53</v>
      </c>
      <c r="P46" s="3" t="s">
        <v>54</v>
      </c>
      <c r="Q46" s="3" t="s">
        <v>37</v>
      </c>
      <c r="R46" s="3" t="s">
        <v>38</v>
      </c>
      <c r="S46" s="3" t="s">
        <v>267</v>
      </c>
      <c r="T46" s="3" t="s">
        <v>37</v>
      </c>
      <c r="U46" s="3" t="s">
        <v>37</v>
      </c>
      <c r="V46" s="3" t="s">
        <v>37</v>
      </c>
    </row>
    <row r="47" spans="1:22" x14ac:dyDescent="0.25">
      <c r="A47" s="3" t="s">
        <v>22</v>
      </c>
      <c r="B47" s="4" t="s">
        <v>237</v>
      </c>
      <c r="C47" s="3" t="s">
        <v>238</v>
      </c>
      <c r="D47" s="5" t="s">
        <v>61</v>
      </c>
      <c r="E47" s="3" t="s">
        <v>62</v>
      </c>
      <c r="F47" s="3" t="s">
        <v>268</v>
      </c>
      <c r="G47" s="3" t="s">
        <v>204</v>
      </c>
      <c r="H47" s="3" t="s">
        <v>65</v>
      </c>
      <c r="I47" s="3" t="s">
        <v>37</v>
      </c>
      <c r="J47" s="3" t="s">
        <v>269</v>
      </c>
      <c r="K47" s="3" t="s">
        <v>32</v>
      </c>
      <c r="L47" s="3" t="s">
        <v>33</v>
      </c>
      <c r="M47" s="3" t="s">
        <v>67</v>
      </c>
      <c r="N47" s="3" t="s">
        <v>52</v>
      </c>
      <c r="O47" s="3" t="s">
        <v>270</v>
      </c>
      <c r="P47" s="3" t="s">
        <v>54</v>
      </c>
      <c r="Q47" s="3" t="s">
        <v>37</v>
      </c>
      <c r="R47" s="3" t="s">
        <v>38</v>
      </c>
      <c r="S47" s="3" t="s">
        <v>271</v>
      </c>
      <c r="T47" s="3" t="s">
        <v>37</v>
      </c>
      <c r="U47" s="3" t="s">
        <v>37</v>
      </c>
      <c r="V47" s="3" t="s">
        <v>37</v>
      </c>
    </row>
    <row r="48" spans="1:22" x14ac:dyDescent="0.25">
      <c r="A48" s="3" t="s">
        <v>22</v>
      </c>
      <c r="B48" s="4" t="s">
        <v>237</v>
      </c>
      <c r="C48" s="3" t="s">
        <v>238</v>
      </c>
      <c r="D48" s="5" t="s">
        <v>69</v>
      </c>
      <c r="E48" s="3" t="s">
        <v>70</v>
      </c>
      <c r="F48" s="3" t="s">
        <v>272</v>
      </c>
      <c r="G48" s="3" t="s">
        <v>273</v>
      </c>
      <c r="H48" s="3" t="s">
        <v>29</v>
      </c>
      <c r="I48" s="3" t="s">
        <v>274</v>
      </c>
      <c r="J48" s="3" t="s">
        <v>275</v>
      </c>
      <c r="K48" s="3" t="s">
        <v>32</v>
      </c>
      <c r="L48" s="3" t="s">
        <v>33</v>
      </c>
      <c r="M48" s="3" t="s">
        <v>67</v>
      </c>
      <c r="N48" s="3" t="s">
        <v>142</v>
      </c>
      <c r="O48" s="3" t="s">
        <v>53</v>
      </c>
      <c r="P48" s="3" t="s">
        <v>54</v>
      </c>
      <c r="Q48" s="3" t="s">
        <v>37</v>
      </c>
      <c r="R48" s="3" t="s">
        <v>38</v>
      </c>
      <c r="S48" s="3" t="s">
        <v>276</v>
      </c>
      <c r="T48" s="3" t="s">
        <v>37</v>
      </c>
      <c r="U48" s="3" t="s">
        <v>37</v>
      </c>
      <c r="V48" s="3" t="s">
        <v>37</v>
      </c>
    </row>
    <row r="49" spans="1:22" x14ac:dyDescent="0.25">
      <c r="A49" s="3" t="s">
        <v>22</v>
      </c>
      <c r="B49" s="4" t="s">
        <v>237</v>
      </c>
      <c r="C49" s="3" t="s">
        <v>238</v>
      </c>
      <c r="D49" s="5" t="s">
        <v>76</v>
      </c>
      <c r="E49" s="3" t="s">
        <v>70</v>
      </c>
      <c r="F49" s="3" t="s">
        <v>277</v>
      </c>
      <c r="G49" s="3" t="s">
        <v>278</v>
      </c>
      <c r="H49" s="3" t="s">
        <v>29</v>
      </c>
      <c r="I49" s="3" t="s">
        <v>274</v>
      </c>
      <c r="J49" s="3" t="s">
        <v>279</v>
      </c>
      <c r="K49" s="3" t="s">
        <v>32</v>
      </c>
      <c r="L49" s="3" t="s">
        <v>33</v>
      </c>
      <c r="M49" s="3" t="s">
        <v>67</v>
      </c>
      <c r="N49" s="3" t="s">
        <v>142</v>
      </c>
      <c r="O49" s="3" t="s">
        <v>53</v>
      </c>
      <c r="P49" s="3" t="s">
        <v>54</v>
      </c>
      <c r="Q49" s="3" t="s">
        <v>37</v>
      </c>
      <c r="R49" s="3" t="s">
        <v>38</v>
      </c>
      <c r="S49" s="3" t="s">
        <v>280</v>
      </c>
      <c r="T49" s="3" t="s">
        <v>37</v>
      </c>
      <c r="U49" s="3" t="s">
        <v>37</v>
      </c>
      <c r="V49" s="3" t="s">
        <v>37</v>
      </c>
    </row>
    <row r="50" spans="1:22" x14ac:dyDescent="0.25">
      <c r="A50" s="3" t="s">
        <v>22</v>
      </c>
      <c r="B50" s="4" t="s">
        <v>237</v>
      </c>
      <c r="C50" s="3" t="s">
        <v>238</v>
      </c>
      <c r="D50" s="5" t="s">
        <v>281</v>
      </c>
      <c r="E50" s="3" t="s">
        <v>70</v>
      </c>
      <c r="F50" s="3" t="s">
        <v>282</v>
      </c>
      <c r="G50" s="3" t="s">
        <v>283</v>
      </c>
      <c r="H50" s="3" t="s">
        <v>29</v>
      </c>
      <c r="I50" s="3" t="s">
        <v>274</v>
      </c>
      <c r="J50" s="3" t="s">
        <v>284</v>
      </c>
      <c r="K50" s="3" t="s">
        <v>32</v>
      </c>
      <c r="L50" s="3" t="s">
        <v>33</v>
      </c>
      <c r="M50" s="3" t="s">
        <v>67</v>
      </c>
      <c r="N50" s="3" t="s">
        <v>142</v>
      </c>
      <c r="O50" s="3" t="s">
        <v>53</v>
      </c>
      <c r="P50" s="3" t="s">
        <v>54</v>
      </c>
      <c r="Q50" s="3" t="s">
        <v>37</v>
      </c>
      <c r="R50" s="3" t="s">
        <v>38</v>
      </c>
      <c r="S50" s="3" t="s">
        <v>285</v>
      </c>
      <c r="T50" s="3" t="s">
        <v>37</v>
      </c>
      <c r="U50" s="3" t="s">
        <v>37</v>
      </c>
      <c r="V50" s="3" t="s">
        <v>37</v>
      </c>
    </row>
    <row r="51" spans="1:22" x14ac:dyDescent="0.25">
      <c r="A51" s="3" t="s">
        <v>22</v>
      </c>
      <c r="B51" s="4" t="s">
        <v>237</v>
      </c>
      <c r="C51" s="3" t="s">
        <v>238</v>
      </c>
      <c r="D51" s="5" t="s">
        <v>286</v>
      </c>
      <c r="E51" s="3" t="s">
        <v>70</v>
      </c>
      <c r="F51" s="3" t="s">
        <v>287</v>
      </c>
      <c r="G51" s="3" t="s">
        <v>288</v>
      </c>
      <c r="H51" s="3" t="s">
        <v>29</v>
      </c>
      <c r="I51" s="3" t="s">
        <v>274</v>
      </c>
      <c r="J51" s="3" t="s">
        <v>289</v>
      </c>
      <c r="K51" s="3" t="s">
        <v>32</v>
      </c>
      <c r="L51" s="3" t="s">
        <v>33</v>
      </c>
      <c r="M51" s="3" t="s">
        <v>67</v>
      </c>
      <c r="N51" s="3" t="s">
        <v>142</v>
      </c>
      <c r="O51" s="3" t="s">
        <v>53</v>
      </c>
      <c r="P51" s="3" t="s">
        <v>54</v>
      </c>
      <c r="Q51" s="3" t="s">
        <v>37</v>
      </c>
      <c r="R51" s="3" t="s">
        <v>38</v>
      </c>
      <c r="S51" s="3" t="s">
        <v>290</v>
      </c>
      <c r="T51" s="3" t="s">
        <v>37</v>
      </c>
      <c r="U51" s="3" t="s">
        <v>37</v>
      </c>
      <c r="V51" s="3" t="s">
        <v>37</v>
      </c>
    </row>
    <row r="52" spans="1:22" x14ac:dyDescent="0.25">
      <c r="A52" s="3" t="s">
        <v>22</v>
      </c>
      <c r="B52" s="4" t="s">
        <v>237</v>
      </c>
      <c r="C52" s="3" t="s">
        <v>238</v>
      </c>
      <c r="D52" s="5" t="s">
        <v>291</v>
      </c>
      <c r="E52" s="3" t="s">
        <v>46</v>
      </c>
      <c r="F52" s="3" t="s">
        <v>292</v>
      </c>
      <c r="G52" s="3" t="s">
        <v>293</v>
      </c>
      <c r="H52" s="3" t="s">
        <v>65</v>
      </c>
      <c r="I52" s="3" t="s">
        <v>50</v>
      </c>
      <c r="J52" s="3" t="s">
        <v>294</v>
      </c>
      <c r="K52" s="3" t="s">
        <v>32</v>
      </c>
      <c r="L52" s="3" t="s">
        <v>33</v>
      </c>
      <c r="M52" s="3" t="s">
        <v>34</v>
      </c>
      <c r="N52" s="3" t="s">
        <v>35</v>
      </c>
      <c r="O52" s="3" t="s">
        <v>53</v>
      </c>
      <c r="P52" s="3" t="s">
        <v>54</v>
      </c>
      <c r="Q52" s="3" t="s">
        <v>85</v>
      </c>
      <c r="R52" s="3" t="s">
        <v>38</v>
      </c>
      <c r="S52" s="3" t="s">
        <v>295</v>
      </c>
      <c r="T52" s="3" t="s">
        <v>37</v>
      </c>
      <c r="U52" s="3" t="s">
        <v>37</v>
      </c>
      <c r="V52" s="3" t="s">
        <v>37</v>
      </c>
    </row>
    <row r="53" spans="1:22" x14ac:dyDescent="0.25">
      <c r="A53" s="3" t="s">
        <v>22</v>
      </c>
      <c r="B53" s="4" t="s">
        <v>237</v>
      </c>
      <c r="C53" s="3" t="s">
        <v>238</v>
      </c>
      <c r="D53" s="5" t="s">
        <v>296</v>
      </c>
      <c r="E53" s="3" t="s">
        <v>46</v>
      </c>
      <c r="F53" s="3" t="s">
        <v>297</v>
      </c>
      <c r="G53" s="3" t="s">
        <v>147</v>
      </c>
      <c r="H53" s="3" t="s">
        <v>49</v>
      </c>
      <c r="I53" s="3" t="s">
        <v>50</v>
      </c>
      <c r="J53" s="3" t="s">
        <v>298</v>
      </c>
      <c r="K53" s="3" t="s">
        <v>32</v>
      </c>
      <c r="L53" s="3" t="s">
        <v>33</v>
      </c>
      <c r="M53" s="3" t="s">
        <v>34</v>
      </c>
      <c r="N53" s="3" t="s">
        <v>52</v>
      </c>
      <c r="O53" s="3" t="s">
        <v>53</v>
      </c>
      <c r="P53" s="3" t="s">
        <v>54</v>
      </c>
      <c r="Q53" s="3" t="s">
        <v>37</v>
      </c>
      <c r="R53" s="3" t="s">
        <v>38</v>
      </c>
      <c r="S53" s="3" t="s">
        <v>299</v>
      </c>
      <c r="T53" s="3" t="s">
        <v>37</v>
      </c>
      <c r="U53" s="3" t="s">
        <v>37</v>
      </c>
      <c r="V53" s="3" t="s">
        <v>37</v>
      </c>
    </row>
    <row r="54" spans="1:22" x14ac:dyDescent="0.25">
      <c r="A54" s="3" t="s">
        <v>22</v>
      </c>
      <c r="B54" s="4" t="s">
        <v>237</v>
      </c>
      <c r="C54" s="3" t="s">
        <v>238</v>
      </c>
      <c r="D54" s="5" t="s">
        <v>300</v>
      </c>
      <c r="E54" s="3" t="s">
        <v>46</v>
      </c>
      <c r="F54" s="3" t="s">
        <v>47</v>
      </c>
      <c r="G54" s="3" t="s">
        <v>48</v>
      </c>
      <c r="H54" s="3" t="s">
        <v>49</v>
      </c>
      <c r="I54" s="3" t="s">
        <v>50</v>
      </c>
      <c r="J54" s="3" t="s">
        <v>51</v>
      </c>
      <c r="K54" s="3" t="s">
        <v>32</v>
      </c>
      <c r="L54" s="3" t="s">
        <v>33</v>
      </c>
      <c r="M54" s="3" t="s">
        <v>34</v>
      </c>
      <c r="N54" s="3" t="s">
        <v>52</v>
      </c>
      <c r="O54" s="3" t="s">
        <v>53</v>
      </c>
      <c r="P54" s="3" t="s">
        <v>54</v>
      </c>
      <c r="Q54" s="3" t="s">
        <v>37</v>
      </c>
      <c r="R54" s="3" t="s">
        <v>38</v>
      </c>
      <c r="S54" s="3" t="s">
        <v>55</v>
      </c>
      <c r="T54" s="3" t="s">
        <v>37</v>
      </c>
      <c r="U54" s="3" t="s">
        <v>37</v>
      </c>
      <c r="V54" s="3" t="s">
        <v>37</v>
      </c>
    </row>
    <row r="55" spans="1:22" x14ac:dyDescent="0.25">
      <c r="A55" s="3" t="s">
        <v>22</v>
      </c>
      <c r="B55" s="4" t="s">
        <v>237</v>
      </c>
      <c r="C55" s="3" t="s">
        <v>238</v>
      </c>
      <c r="D55" s="5" t="s">
        <v>107</v>
      </c>
      <c r="E55" s="3" t="s">
        <v>213</v>
      </c>
      <c r="F55" s="3" t="s">
        <v>301</v>
      </c>
      <c r="G55" s="3" t="s">
        <v>65</v>
      </c>
      <c r="H55" s="3" t="s">
        <v>65</v>
      </c>
      <c r="I55" s="3" t="s">
        <v>37</v>
      </c>
      <c r="J55" s="3" t="s">
        <v>302</v>
      </c>
      <c r="K55" s="3" t="s">
        <v>32</v>
      </c>
      <c r="L55" s="3" t="s">
        <v>110</v>
      </c>
      <c r="M55" s="3" t="s">
        <v>67</v>
      </c>
      <c r="N55" s="3" t="s">
        <v>52</v>
      </c>
      <c r="O55" s="3" t="s">
        <v>179</v>
      </c>
      <c r="P55" s="3" t="s">
        <v>54</v>
      </c>
      <c r="Q55" s="3" t="s">
        <v>37</v>
      </c>
      <c r="R55" s="3" t="s">
        <v>38</v>
      </c>
      <c r="S55" s="3" t="s">
        <v>303</v>
      </c>
      <c r="T55" s="3" t="s">
        <v>37</v>
      </c>
      <c r="U55" s="3" t="s">
        <v>37</v>
      </c>
      <c r="V55" s="3" t="s">
        <v>37</v>
      </c>
    </row>
    <row r="56" spans="1:22" x14ac:dyDescent="0.25">
      <c r="A56" s="3" t="s">
        <v>22</v>
      </c>
      <c r="B56" s="4" t="s">
        <v>237</v>
      </c>
      <c r="C56" s="3" t="s">
        <v>238</v>
      </c>
      <c r="D56" s="5" t="s">
        <v>304</v>
      </c>
      <c r="E56" s="3" t="s">
        <v>305</v>
      </c>
      <c r="F56" s="3" t="s">
        <v>306</v>
      </c>
      <c r="G56" s="3" t="s">
        <v>104</v>
      </c>
      <c r="H56" s="3" t="s">
        <v>65</v>
      </c>
      <c r="I56" s="3" t="s">
        <v>307</v>
      </c>
      <c r="J56" s="3" t="s">
        <v>308</v>
      </c>
      <c r="K56" s="3" t="s">
        <v>32</v>
      </c>
      <c r="L56" s="3" t="s">
        <v>33</v>
      </c>
      <c r="M56" s="3" t="s">
        <v>67</v>
      </c>
      <c r="N56" s="3" t="s">
        <v>52</v>
      </c>
      <c r="O56" s="3" t="s">
        <v>53</v>
      </c>
      <c r="P56" s="3" t="s">
        <v>37</v>
      </c>
      <c r="Q56" s="3" t="s">
        <v>37</v>
      </c>
      <c r="R56" s="3" t="s">
        <v>38</v>
      </c>
      <c r="S56" s="3" t="s">
        <v>309</v>
      </c>
      <c r="T56" s="3" t="s">
        <v>37</v>
      </c>
      <c r="U56" s="3" t="s">
        <v>37</v>
      </c>
      <c r="V56" s="3" t="s">
        <v>37</v>
      </c>
    </row>
    <row r="57" spans="1:22" x14ac:dyDescent="0.25">
      <c r="A57" s="3" t="s">
        <v>22</v>
      </c>
      <c r="B57" s="4" t="s">
        <v>237</v>
      </c>
      <c r="C57" s="3" t="s">
        <v>238</v>
      </c>
      <c r="D57" s="5" t="s">
        <v>310</v>
      </c>
      <c r="E57" s="3" t="s">
        <v>305</v>
      </c>
      <c r="F57" s="3" t="s">
        <v>311</v>
      </c>
      <c r="G57" s="3" t="s">
        <v>64</v>
      </c>
      <c r="H57" s="3" t="s">
        <v>65</v>
      </c>
      <c r="I57" s="3" t="s">
        <v>307</v>
      </c>
      <c r="J57" s="3" t="s">
        <v>312</v>
      </c>
      <c r="K57" s="3" t="s">
        <v>32</v>
      </c>
      <c r="L57" s="3" t="s">
        <v>33</v>
      </c>
      <c r="M57" s="3" t="s">
        <v>67</v>
      </c>
      <c r="N57" s="3" t="s">
        <v>52</v>
      </c>
      <c r="O57" s="3" t="s">
        <v>313</v>
      </c>
      <c r="P57" s="3" t="s">
        <v>37</v>
      </c>
      <c r="Q57" s="3" t="s">
        <v>37</v>
      </c>
      <c r="R57" s="3" t="s">
        <v>38</v>
      </c>
      <c r="S57" s="3" t="s">
        <v>314</v>
      </c>
      <c r="T57" s="3" t="s">
        <v>37</v>
      </c>
      <c r="U57" s="3" t="s">
        <v>37</v>
      </c>
      <c r="V57" s="3" t="s">
        <v>37</v>
      </c>
    </row>
    <row r="58" spans="1:22" x14ac:dyDescent="0.25">
      <c r="A58" s="3" t="s">
        <v>22</v>
      </c>
      <c r="B58" s="4" t="s">
        <v>237</v>
      </c>
      <c r="C58" s="3" t="s">
        <v>238</v>
      </c>
      <c r="D58" s="5" t="s">
        <v>113</v>
      </c>
      <c r="E58" s="3" t="s">
        <v>46</v>
      </c>
      <c r="F58" s="3" t="s">
        <v>82</v>
      </c>
      <c r="G58" s="3" t="s">
        <v>83</v>
      </c>
      <c r="H58" s="3" t="s">
        <v>65</v>
      </c>
      <c r="I58" s="3" t="s">
        <v>50</v>
      </c>
      <c r="J58" s="3" t="s">
        <v>84</v>
      </c>
      <c r="K58" s="3" t="s">
        <v>32</v>
      </c>
      <c r="L58" s="3" t="s">
        <v>33</v>
      </c>
      <c r="M58" s="3" t="s">
        <v>34</v>
      </c>
      <c r="N58" s="3" t="s">
        <v>35</v>
      </c>
      <c r="O58" s="3" t="s">
        <v>53</v>
      </c>
      <c r="P58" s="3" t="s">
        <v>54</v>
      </c>
      <c r="Q58" s="3" t="s">
        <v>85</v>
      </c>
      <c r="R58" s="3" t="s">
        <v>38</v>
      </c>
      <c r="S58" s="3" t="s">
        <v>86</v>
      </c>
      <c r="T58" s="3" t="s">
        <v>37</v>
      </c>
      <c r="U58" s="3" t="s">
        <v>37</v>
      </c>
      <c r="V58" s="3" t="s">
        <v>37</v>
      </c>
    </row>
    <row r="59" spans="1:22" x14ac:dyDescent="0.25">
      <c r="A59" s="3" t="s">
        <v>22</v>
      </c>
      <c r="B59" s="4" t="s">
        <v>237</v>
      </c>
      <c r="C59" s="3" t="s">
        <v>238</v>
      </c>
      <c r="D59" s="5" t="s">
        <v>119</v>
      </c>
      <c r="E59" s="3" t="s">
        <v>46</v>
      </c>
      <c r="F59" s="3" t="s">
        <v>315</v>
      </c>
      <c r="G59" s="3" t="s">
        <v>248</v>
      </c>
      <c r="H59" s="3" t="s">
        <v>29</v>
      </c>
      <c r="I59" s="3" t="s">
        <v>50</v>
      </c>
      <c r="J59" s="3" t="s">
        <v>316</v>
      </c>
      <c r="K59" s="3" t="s">
        <v>32</v>
      </c>
      <c r="L59" s="3" t="s">
        <v>33</v>
      </c>
      <c r="M59" s="3" t="s">
        <v>34</v>
      </c>
      <c r="N59" s="3" t="s">
        <v>117</v>
      </c>
      <c r="O59" s="3" t="s">
        <v>53</v>
      </c>
      <c r="P59" s="3" t="s">
        <v>54</v>
      </c>
      <c r="Q59" s="3" t="s">
        <v>37</v>
      </c>
      <c r="R59" s="3" t="s">
        <v>38</v>
      </c>
      <c r="S59" s="3" t="s">
        <v>317</v>
      </c>
      <c r="T59" s="3" t="s">
        <v>37</v>
      </c>
      <c r="U59" s="3" t="s">
        <v>37</v>
      </c>
      <c r="V59" s="3" t="s">
        <v>37</v>
      </c>
    </row>
    <row r="60" spans="1:22" x14ac:dyDescent="0.25">
      <c r="A60" s="3" t="s">
        <v>22</v>
      </c>
      <c r="B60" s="4" t="s">
        <v>237</v>
      </c>
      <c r="C60" s="3" t="s">
        <v>238</v>
      </c>
      <c r="D60" s="5" t="s">
        <v>124</v>
      </c>
      <c r="E60" s="3" t="s">
        <v>125</v>
      </c>
      <c r="F60" s="3" t="s">
        <v>318</v>
      </c>
      <c r="G60" s="3" t="s">
        <v>319</v>
      </c>
      <c r="H60" s="3" t="s">
        <v>49</v>
      </c>
      <c r="I60" s="3" t="s">
        <v>37</v>
      </c>
      <c r="J60" s="3" t="s">
        <v>320</v>
      </c>
      <c r="K60" s="3" t="s">
        <v>32</v>
      </c>
      <c r="L60" s="3" t="s">
        <v>33</v>
      </c>
      <c r="M60" s="3" t="s">
        <v>67</v>
      </c>
      <c r="N60" s="3" t="s">
        <v>74</v>
      </c>
      <c r="O60" s="3" t="s">
        <v>53</v>
      </c>
      <c r="P60" s="3" t="s">
        <v>37</v>
      </c>
      <c r="Q60" s="3" t="s">
        <v>37</v>
      </c>
      <c r="R60" s="3" t="s">
        <v>38</v>
      </c>
      <c r="S60" s="3" t="s">
        <v>321</v>
      </c>
      <c r="T60" s="3" t="s">
        <v>37</v>
      </c>
      <c r="U60" s="3" t="s">
        <v>37</v>
      </c>
      <c r="V60" s="3" t="s">
        <v>37</v>
      </c>
    </row>
    <row r="61" spans="1:22" x14ac:dyDescent="0.25">
      <c r="A61" s="3" t="s">
        <v>22</v>
      </c>
      <c r="B61" s="4" t="s">
        <v>237</v>
      </c>
      <c r="C61" s="3" t="s">
        <v>238</v>
      </c>
      <c r="D61" s="5" t="s">
        <v>130</v>
      </c>
      <c r="E61" s="3" t="s">
        <v>125</v>
      </c>
      <c r="F61" s="3" t="s">
        <v>322</v>
      </c>
      <c r="G61" s="3" t="s">
        <v>48</v>
      </c>
      <c r="H61" s="3" t="s">
        <v>49</v>
      </c>
      <c r="I61" s="3" t="s">
        <v>37</v>
      </c>
      <c r="J61" s="3" t="s">
        <v>323</v>
      </c>
      <c r="K61" s="3" t="s">
        <v>32</v>
      </c>
      <c r="L61" s="3" t="s">
        <v>33</v>
      </c>
      <c r="M61" s="3" t="s">
        <v>67</v>
      </c>
      <c r="N61" s="3" t="s">
        <v>74</v>
      </c>
      <c r="O61" s="3" t="s">
        <v>53</v>
      </c>
      <c r="P61" s="3" t="s">
        <v>37</v>
      </c>
      <c r="Q61" s="3" t="s">
        <v>37</v>
      </c>
      <c r="R61" s="3" t="s">
        <v>38</v>
      </c>
      <c r="S61" s="3" t="s">
        <v>324</v>
      </c>
      <c r="T61" s="3" t="s">
        <v>37</v>
      </c>
      <c r="U61" s="3" t="s">
        <v>37</v>
      </c>
      <c r="V61" s="3" t="s">
        <v>37</v>
      </c>
    </row>
    <row r="62" spans="1:22" x14ac:dyDescent="0.25">
      <c r="A62" s="3" t="s">
        <v>22</v>
      </c>
      <c r="B62" s="4" t="s">
        <v>237</v>
      </c>
      <c r="C62" s="3" t="s">
        <v>238</v>
      </c>
      <c r="D62" s="5" t="s">
        <v>136</v>
      </c>
      <c r="E62" s="3" t="s">
        <v>137</v>
      </c>
      <c r="F62" s="3" t="s">
        <v>326</v>
      </c>
      <c r="G62" s="3" t="s">
        <v>58</v>
      </c>
      <c r="H62" s="3" t="s">
        <v>65</v>
      </c>
      <c r="I62" s="3" t="s">
        <v>140</v>
      </c>
      <c r="J62" s="3" t="s">
        <v>327</v>
      </c>
      <c r="K62" s="3" t="s">
        <v>32</v>
      </c>
      <c r="L62" s="3" t="s">
        <v>33</v>
      </c>
      <c r="M62" s="3" t="s">
        <v>34</v>
      </c>
      <c r="N62" s="3" t="s">
        <v>142</v>
      </c>
      <c r="O62" s="3" t="s">
        <v>143</v>
      </c>
      <c r="P62" s="3" t="s">
        <v>37</v>
      </c>
      <c r="Q62" s="3" t="s">
        <v>37</v>
      </c>
      <c r="R62" s="3" t="s">
        <v>38</v>
      </c>
      <c r="S62" s="3" t="s">
        <v>328</v>
      </c>
      <c r="T62" s="3" t="s">
        <v>37</v>
      </c>
      <c r="U62" s="3" t="s">
        <v>37</v>
      </c>
      <c r="V62" s="3" t="s">
        <v>37</v>
      </c>
    </row>
    <row r="63" spans="1:22" x14ac:dyDescent="0.25">
      <c r="A63" s="3" t="s">
        <v>22</v>
      </c>
      <c r="B63" s="4" t="s">
        <v>237</v>
      </c>
      <c r="C63" s="3" t="s">
        <v>238</v>
      </c>
      <c r="D63" s="5" t="s">
        <v>145</v>
      </c>
      <c r="E63" s="3" t="s">
        <v>137</v>
      </c>
      <c r="F63" s="3" t="s">
        <v>329</v>
      </c>
      <c r="G63" s="3" t="s">
        <v>262</v>
      </c>
      <c r="H63" s="3" t="s">
        <v>65</v>
      </c>
      <c r="I63" s="3" t="s">
        <v>140</v>
      </c>
      <c r="J63" s="3" t="s">
        <v>330</v>
      </c>
      <c r="K63" s="3" t="s">
        <v>32</v>
      </c>
      <c r="L63" s="3" t="s">
        <v>33</v>
      </c>
      <c r="M63" s="3" t="s">
        <v>34</v>
      </c>
      <c r="N63" s="3" t="s">
        <v>142</v>
      </c>
      <c r="O63" s="3" t="s">
        <v>143</v>
      </c>
      <c r="P63" s="3" t="s">
        <v>37</v>
      </c>
      <c r="Q63" s="3" t="s">
        <v>37</v>
      </c>
      <c r="R63" s="3" t="s">
        <v>38</v>
      </c>
      <c r="S63" s="3" t="s">
        <v>331</v>
      </c>
      <c r="T63" s="3" t="s">
        <v>37</v>
      </c>
      <c r="U63" s="3" t="s">
        <v>37</v>
      </c>
      <c r="V63" s="3" t="s">
        <v>37</v>
      </c>
    </row>
    <row r="64" spans="1:22" x14ac:dyDescent="0.25">
      <c r="A64" s="3" t="s">
        <v>22</v>
      </c>
      <c r="B64" s="4" t="s">
        <v>237</v>
      </c>
      <c r="C64" s="3" t="s">
        <v>238</v>
      </c>
      <c r="D64" s="5" t="s">
        <v>150</v>
      </c>
      <c r="E64" s="3" t="s">
        <v>137</v>
      </c>
      <c r="F64" s="3" t="s">
        <v>332</v>
      </c>
      <c r="G64" s="3" t="s">
        <v>319</v>
      </c>
      <c r="H64" s="3" t="s">
        <v>65</v>
      </c>
      <c r="I64" s="3" t="s">
        <v>140</v>
      </c>
      <c r="J64" s="3" t="s">
        <v>333</v>
      </c>
      <c r="K64" s="3" t="s">
        <v>32</v>
      </c>
      <c r="L64" s="3" t="s">
        <v>33</v>
      </c>
      <c r="M64" s="3" t="s">
        <v>34</v>
      </c>
      <c r="N64" s="3" t="s">
        <v>142</v>
      </c>
      <c r="O64" s="3" t="s">
        <v>143</v>
      </c>
      <c r="P64" s="3" t="s">
        <v>37</v>
      </c>
      <c r="Q64" s="3" t="s">
        <v>37</v>
      </c>
      <c r="R64" s="3" t="s">
        <v>38</v>
      </c>
      <c r="S64" s="3" t="s">
        <v>334</v>
      </c>
      <c r="T64" s="3" t="s">
        <v>37</v>
      </c>
      <c r="U64" s="3" t="s">
        <v>37</v>
      </c>
      <c r="V64" s="3" t="s">
        <v>37</v>
      </c>
    </row>
    <row r="65" spans="1:22" x14ac:dyDescent="0.25">
      <c r="A65" s="3" t="s">
        <v>22</v>
      </c>
      <c r="B65" s="4" t="s">
        <v>237</v>
      </c>
      <c r="C65" s="3" t="s">
        <v>238</v>
      </c>
      <c r="D65" s="5" t="s">
        <v>154</v>
      </c>
      <c r="E65" s="3" t="s">
        <v>70</v>
      </c>
      <c r="F65" s="3" t="s">
        <v>77</v>
      </c>
      <c r="G65" s="3" t="s">
        <v>78</v>
      </c>
      <c r="H65" s="3" t="s">
        <v>49</v>
      </c>
      <c r="I65" s="3" t="s">
        <v>37</v>
      </c>
      <c r="J65" s="3" t="s">
        <v>79</v>
      </c>
      <c r="K65" s="3" t="s">
        <v>32</v>
      </c>
      <c r="L65" s="3" t="s">
        <v>33</v>
      </c>
      <c r="M65" s="3" t="s">
        <v>67</v>
      </c>
      <c r="N65" s="3" t="s">
        <v>74</v>
      </c>
      <c r="O65" s="3" t="s">
        <v>53</v>
      </c>
      <c r="P65" s="3" t="s">
        <v>54</v>
      </c>
      <c r="Q65" s="3" t="s">
        <v>37</v>
      </c>
      <c r="R65" s="3" t="s">
        <v>38</v>
      </c>
      <c r="S65" s="3" t="s">
        <v>80</v>
      </c>
      <c r="T65" s="3" t="s">
        <v>37</v>
      </c>
      <c r="U65" s="3" t="s">
        <v>37</v>
      </c>
      <c r="V65" s="3" t="s">
        <v>37</v>
      </c>
    </row>
    <row r="66" spans="1:22" x14ac:dyDescent="0.25">
      <c r="A66" s="3" t="s">
        <v>22</v>
      </c>
      <c r="B66" s="4" t="s">
        <v>237</v>
      </c>
      <c r="C66" s="3" t="s">
        <v>238</v>
      </c>
      <c r="D66" s="5" t="s">
        <v>159</v>
      </c>
      <c r="E66" s="3" t="s">
        <v>70</v>
      </c>
      <c r="F66" s="3" t="s">
        <v>335</v>
      </c>
      <c r="G66" s="3" t="s">
        <v>336</v>
      </c>
      <c r="H66" s="3" t="s">
        <v>49</v>
      </c>
      <c r="I66" s="3" t="s">
        <v>37</v>
      </c>
      <c r="J66" s="3" t="s">
        <v>337</v>
      </c>
      <c r="K66" s="3" t="s">
        <v>32</v>
      </c>
      <c r="L66" s="3" t="s">
        <v>33</v>
      </c>
      <c r="M66" s="3" t="s">
        <v>67</v>
      </c>
      <c r="N66" s="3" t="s">
        <v>74</v>
      </c>
      <c r="O66" s="3" t="s">
        <v>53</v>
      </c>
      <c r="P66" s="3" t="s">
        <v>54</v>
      </c>
      <c r="Q66" s="3" t="s">
        <v>37</v>
      </c>
      <c r="R66" s="3" t="s">
        <v>38</v>
      </c>
      <c r="S66" s="3" t="s">
        <v>338</v>
      </c>
      <c r="T66" s="3" t="s">
        <v>37</v>
      </c>
      <c r="U66" s="3" t="s">
        <v>37</v>
      </c>
      <c r="V66" s="3" t="s">
        <v>37</v>
      </c>
    </row>
    <row r="67" spans="1:22" x14ac:dyDescent="0.25">
      <c r="A67" s="3" t="s">
        <v>22</v>
      </c>
      <c r="B67" s="4" t="s">
        <v>237</v>
      </c>
      <c r="C67" s="3" t="s">
        <v>238</v>
      </c>
      <c r="D67" s="5" t="s">
        <v>164</v>
      </c>
      <c r="E67" s="3" t="s">
        <v>46</v>
      </c>
      <c r="F67" s="3" t="s">
        <v>339</v>
      </c>
      <c r="G67" s="3" t="s">
        <v>273</v>
      </c>
      <c r="H67" s="3" t="s">
        <v>29</v>
      </c>
      <c r="I67" s="3" t="s">
        <v>50</v>
      </c>
      <c r="J67" s="3" t="s">
        <v>340</v>
      </c>
      <c r="K67" s="3" t="s">
        <v>32</v>
      </c>
      <c r="L67" s="3" t="s">
        <v>33</v>
      </c>
      <c r="M67" s="3" t="s">
        <v>34</v>
      </c>
      <c r="N67" s="3" t="s">
        <v>117</v>
      </c>
      <c r="O67" s="3" t="s">
        <v>53</v>
      </c>
      <c r="P67" s="3" t="s">
        <v>54</v>
      </c>
      <c r="Q67" s="3" t="s">
        <v>37</v>
      </c>
      <c r="R67" s="3" t="s">
        <v>38</v>
      </c>
      <c r="S67" s="3" t="s">
        <v>341</v>
      </c>
      <c r="T67" s="3" t="s">
        <v>37</v>
      </c>
      <c r="U67" s="3" t="s">
        <v>37</v>
      </c>
      <c r="V67" s="3" t="s">
        <v>37</v>
      </c>
    </row>
    <row r="68" spans="1:22" x14ac:dyDescent="0.25">
      <c r="A68" s="3" t="s">
        <v>22</v>
      </c>
      <c r="B68" s="4" t="s">
        <v>237</v>
      </c>
      <c r="C68" s="3" t="s">
        <v>238</v>
      </c>
      <c r="D68" s="5" t="s">
        <v>169</v>
      </c>
      <c r="E68" s="3" t="s">
        <v>46</v>
      </c>
      <c r="F68" s="3" t="s">
        <v>342</v>
      </c>
      <c r="G68" s="3" t="s">
        <v>278</v>
      </c>
      <c r="H68" s="3" t="s">
        <v>29</v>
      </c>
      <c r="I68" s="3" t="s">
        <v>50</v>
      </c>
      <c r="J68" s="3" t="s">
        <v>343</v>
      </c>
      <c r="K68" s="3" t="s">
        <v>32</v>
      </c>
      <c r="L68" s="3" t="s">
        <v>33</v>
      </c>
      <c r="M68" s="3" t="s">
        <v>34</v>
      </c>
      <c r="N68" s="3" t="s">
        <v>117</v>
      </c>
      <c r="O68" s="3" t="s">
        <v>53</v>
      </c>
      <c r="P68" s="3" t="s">
        <v>54</v>
      </c>
      <c r="Q68" s="3" t="s">
        <v>37</v>
      </c>
      <c r="R68" s="3" t="s">
        <v>38</v>
      </c>
      <c r="S68" s="3" t="s">
        <v>344</v>
      </c>
      <c r="T68" s="3" t="s">
        <v>37</v>
      </c>
      <c r="U68" s="3" t="s">
        <v>37</v>
      </c>
      <c r="V68" s="3" t="s">
        <v>37</v>
      </c>
    </row>
    <row r="69" spans="1:22" x14ac:dyDescent="0.25">
      <c r="A69" s="3" t="s">
        <v>22</v>
      </c>
      <c r="B69" s="4" t="s">
        <v>237</v>
      </c>
      <c r="C69" s="3" t="s">
        <v>238</v>
      </c>
      <c r="D69" s="5" t="s">
        <v>174</v>
      </c>
      <c r="E69" s="3" t="s">
        <v>62</v>
      </c>
      <c r="F69" s="3" t="s">
        <v>345</v>
      </c>
      <c r="G69" s="3" t="s">
        <v>346</v>
      </c>
      <c r="H69" s="3" t="s">
        <v>65</v>
      </c>
      <c r="I69" s="3" t="s">
        <v>37</v>
      </c>
      <c r="J69" s="3" t="s">
        <v>347</v>
      </c>
      <c r="K69" s="3" t="s">
        <v>32</v>
      </c>
      <c r="L69" s="3" t="s">
        <v>33</v>
      </c>
      <c r="M69" s="3" t="s">
        <v>67</v>
      </c>
      <c r="N69" s="3" t="s">
        <v>52</v>
      </c>
      <c r="O69" s="3" t="s">
        <v>270</v>
      </c>
      <c r="P69" s="3" t="s">
        <v>54</v>
      </c>
      <c r="Q69" s="3" t="s">
        <v>37</v>
      </c>
      <c r="R69" s="3" t="s">
        <v>38</v>
      </c>
      <c r="S69" s="3" t="s">
        <v>348</v>
      </c>
      <c r="T69" s="3" t="s">
        <v>37</v>
      </c>
      <c r="U69" s="3" t="s">
        <v>37</v>
      </c>
      <c r="V69" s="3" t="s">
        <v>37</v>
      </c>
    </row>
    <row r="70" spans="1:22" x14ac:dyDescent="0.25">
      <c r="A70" s="3" t="s">
        <v>22</v>
      </c>
      <c r="B70" s="4" t="s">
        <v>237</v>
      </c>
      <c r="C70" s="3" t="s">
        <v>238</v>
      </c>
      <c r="D70" s="5" t="s">
        <v>182</v>
      </c>
      <c r="E70" s="3" t="s">
        <v>62</v>
      </c>
      <c r="F70" s="3" t="s">
        <v>349</v>
      </c>
      <c r="G70" s="3" t="s">
        <v>194</v>
      </c>
      <c r="H70" s="3" t="s">
        <v>65</v>
      </c>
      <c r="I70" s="3" t="s">
        <v>37</v>
      </c>
      <c r="J70" s="3" t="s">
        <v>350</v>
      </c>
      <c r="K70" s="3" t="s">
        <v>32</v>
      </c>
      <c r="L70" s="3" t="s">
        <v>33</v>
      </c>
      <c r="M70" s="3" t="s">
        <v>67</v>
      </c>
      <c r="N70" s="3" t="s">
        <v>52</v>
      </c>
      <c r="O70" s="3" t="s">
        <v>53</v>
      </c>
      <c r="P70" s="3" t="s">
        <v>54</v>
      </c>
      <c r="Q70" s="3" t="s">
        <v>37</v>
      </c>
      <c r="R70" s="3" t="s">
        <v>38</v>
      </c>
      <c r="S70" s="3" t="s">
        <v>351</v>
      </c>
      <c r="T70" s="3" t="s">
        <v>37</v>
      </c>
      <c r="U70" s="3" t="s">
        <v>37</v>
      </c>
      <c r="V70" s="3" t="s">
        <v>37</v>
      </c>
    </row>
    <row r="71" spans="1:22" x14ac:dyDescent="0.25">
      <c r="A71" s="3" t="s">
        <v>22</v>
      </c>
      <c r="B71" s="4" t="s">
        <v>237</v>
      </c>
      <c r="C71" s="3" t="s">
        <v>238</v>
      </c>
      <c r="D71" s="5" t="s">
        <v>187</v>
      </c>
      <c r="E71" s="3" t="s">
        <v>62</v>
      </c>
      <c r="F71" s="3" t="s">
        <v>352</v>
      </c>
      <c r="G71" s="3" t="s">
        <v>293</v>
      </c>
      <c r="H71" s="3" t="s">
        <v>65</v>
      </c>
      <c r="I71" s="3" t="s">
        <v>37</v>
      </c>
      <c r="J71" s="3" t="s">
        <v>353</v>
      </c>
      <c r="K71" s="3" t="s">
        <v>32</v>
      </c>
      <c r="L71" s="3" t="s">
        <v>33</v>
      </c>
      <c r="M71" s="3" t="s">
        <v>67</v>
      </c>
      <c r="N71" s="3" t="s">
        <v>52</v>
      </c>
      <c r="O71" s="3" t="s">
        <v>53</v>
      </c>
      <c r="P71" s="3" t="s">
        <v>54</v>
      </c>
      <c r="Q71" s="3" t="s">
        <v>37</v>
      </c>
      <c r="R71" s="3" t="s">
        <v>38</v>
      </c>
      <c r="S71" s="3" t="s">
        <v>354</v>
      </c>
      <c r="T71" s="3" t="s">
        <v>37</v>
      </c>
      <c r="U71" s="3" t="s">
        <v>37</v>
      </c>
      <c r="V71" s="3" t="s">
        <v>37</v>
      </c>
    </row>
    <row r="72" spans="1:22" x14ac:dyDescent="0.25">
      <c r="A72" s="3" t="s">
        <v>22</v>
      </c>
      <c r="B72" s="4" t="s">
        <v>237</v>
      </c>
      <c r="C72" s="3" t="s">
        <v>238</v>
      </c>
      <c r="D72" s="5" t="s">
        <v>192</v>
      </c>
      <c r="E72" s="3" t="s">
        <v>46</v>
      </c>
      <c r="F72" s="3" t="s">
        <v>355</v>
      </c>
      <c r="G72" s="3" t="s">
        <v>139</v>
      </c>
      <c r="H72" s="3" t="s">
        <v>29</v>
      </c>
      <c r="I72" s="3" t="s">
        <v>50</v>
      </c>
      <c r="J72" s="3" t="s">
        <v>356</v>
      </c>
      <c r="K72" s="3" t="s">
        <v>32</v>
      </c>
      <c r="L72" s="3" t="s">
        <v>33</v>
      </c>
      <c r="M72" s="3" t="s">
        <v>34</v>
      </c>
      <c r="N72" s="3" t="s">
        <v>117</v>
      </c>
      <c r="O72" s="3" t="s">
        <v>53</v>
      </c>
      <c r="P72" s="3" t="s">
        <v>54</v>
      </c>
      <c r="Q72" s="3" t="s">
        <v>37</v>
      </c>
      <c r="R72" s="3" t="s">
        <v>38</v>
      </c>
      <c r="S72" s="3" t="s">
        <v>357</v>
      </c>
      <c r="T72" s="3" t="s">
        <v>37</v>
      </c>
      <c r="U72" s="3" t="s">
        <v>37</v>
      </c>
      <c r="V72" s="3" t="s">
        <v>37</v>
      </c>
    </row>
    <row r="73" spans="1:22" x14ac:dyDescent="0.25">
      <c r="A73" s="3" t="s">
        <v>22</v>
      </c>
      <c r="B73" s="4" t="s">
        <v>237</v>
      </c>
      <c r="C73" s="3" t="s">
        <v>238</v>
      </c>
      <c r="D73" s="5" t="s">
        <v>197</v>
      </c>
      <c r="E73" s="3" t="s">
        <v>46</v>
      </c>
      <c r="F73" s="3" t="s">
        <v>93</v>
      </c>
      <c r="G73" s="3" t="s">
        <v>94</v>
      </c>
      <c r="H73" s="3" t="s">
        <v>65</v>
      </c>
      <c r="I73" s="3" t="s">
        <v>50</v>
      </c>
      <c r="J73" s="3" t="s">
        <v>95</v>
      </c>
      <c r="K73" s="3" t="s">
        <v>32</v>
      </c>
      <c r="L73" s="3" t="s">
        <v>33</v>
      </c>
      <c r="M73" s="3" t="s">
        <v>34</v>
      </c>
      <c r="N73" s="3" t="s">
        <v>35</v>
      </c>
      <c r="O73" s="3" t="s">
        <v>53</v>
      </c>
      <c r="P73" s="3" t="s">
        <v>54</v>
      </c>
      <c r="Q73" s="3" t="s">
        <v>85</v>
      </c>
      <c r="R73" s="3" t="s">
        <v>38</v>
      </c>
      <c r="S73" s="3" t="s">
        <v>96</v>
      </c>
      <c r="T73" s="3" t="s">
        <v>37</v>
      </c>
      <c r="U73" s="3" t="s">
        <v>37</v>
      </c>
      <c r="V73" s="3" t="s">
        <v>37</v>
      </c>
    </row>
    <row r="74" spans="1:22" x14ac:dyDescent="0.25">
      <c r="A74" s="3" t="s">
        <v>22</v>
      </c>
      <c r="B74" s="4" t="s">
        <v>237</v>
      </c>
      <c r="C74" s="3" t="s">
        <v>238</v>
      </c>
      <c r="D74" s="5" t="s">
        <v>202</v>
      </c>
      <c r="E74" s="3" t="s">
        <v>46</v>
      </c>
      <c r="F74" s="3" t="s">
        <v>98</v>
      </c>
      <c r="G74" s="3" t="s">
        <v>99</v>
      </c>
      <c r="H74" s="3" t="s">
        <v>65</v>
      </c>
      <c r="I74" s="3" t="s">
        <v>50</v>
      </c>
      <c r="J74" s="3" t="s">
        <v>100</v>
      </c>
      <c r="K74" s="3" t="s">
        <v>32</v>
      </c>
      <c r="L74" s="3" t="s">
        <v>33</v>
      </c>
      <c r="M74" s="3" t="s">
        <v>34</v>
      </c>
      <c r="N74" s="3" t="s">
        <v>35</v>
      </c>
      <c r="O74" s="3" t="s">
        <v>53</v>
      </c>
      <c r="P74" s="3" t="s">
        <v>54</v>
      </c>
      <c r="Q74" s="3" t="s">
        <v>85</v>
      </c>
      <c r="R74" s="3" t="s">
        <v>38</v>
      </c>
      <c r="S74" s="3" t="s">
        <v>101</v>
      </c>
      <c r="T74" s="3" t="s">
        <v>37</v>
      </c>
      <c r="U74" s="3" t="s">
        <v>37</v>
      </c>
      <c r="V74" s="3" t="s">
        <v>37</v>
      </c>
    </row>
    <row r="75" spans="1:22" x14ac:dyDescent="0.25">
      <c r="A75" s="3" t="s">
        <v>22</v>
      </c>
      <c r="B75" s="4" t="s">
        <v>237</v>
      </c>
      <c r="C75" s="3" t="s">
        <v>238</v>
      </c>
      <c r="D75" s="5" t="s">
        <v>207</v>
      </c>
      <c r="E75" s="3" t="s">
        <v>46</v>
      </c>
      <c r="F75" s="3" t="s">
        <v>103</v>
      </c>
      <c r="G75" s="3" t="s">
        <v>104</v>
      </c>
      <c r="H75" s="3" t="s">
        <v>65</v>
      </c>
      <c r="I75" s="3" t="s">
        <v>50</v>
      </c>
      <c r="J75" s="3" t="s">
        <v>105</v>
      </c>
      <c r="K75" s="3" t="s">
        <v>32</v>
      </c>
      <c r="L75" s="3" t="s">
        <v>33</v>
      </c>
      <c r="M75" s="3" t="s">
        <v>34</v>
      </c>
      <c r="N75" s="3" t="s">
        <v>35</v>
      </c>
      <c r="O75" s="3" t="s">
        <v>53</v>
      </c>
      <c r="P75" s="3" t="s">
        <v>54</v>
      </c>
      <c r="Q75" s="3" t="s">
        <v>85</v>
      </c>
      <c r="R75" s="3" t="s">
        <v>38</v>
      </c>
      <c r="S75" s="3" t="s">
        <v>106</v>
      </c>
      <c r="T75" s="3" t="s">
        <v>37</v>
      </c>
      <c r="U75" s="3" t="s">
        <v>37</v>
      </c>
      <c r="V75" s="3" t="s">
        <v>37</v>
      </c>
    </row>
    <row r="76" spans="1:22" x14ac:dyDescent="0.25">
      <c r="A76" s="3" t="s">
        <v>22</v>
      </c>
      <c r="B76" s="4" t="s">
        <v>237</v>
      </c>
      <c r="C76" s="3" t="s">
        <v>238</v>
      </c>
      <c r="D76" s="5" t="s">
        <v>212</v>
      </c>
      <c r="E76" s="3" t="s">
        <v>358</v>
      </c>
      <c r="F76" s="3" t="s">
        <v>359</v>
      </c>
      <c r="G76" s="3" t="s">
        <v>360</v>
      </c>
      <c r="H76" s="3" t="s">
        <v>49</v>
      </c>
      <c r="I76" s="3" t="s">
        <v>361</v>
      </c>
      <c r="J76" s="3" t="s">
        <v>362</v>
      </c>
      <c r="K76" s="3" t="s">
        <v>32</v>
      </c>
      <c r="L76" s="3" t="s">
        <v>33</v>
      </c>
      <c r="M76" s="3" t="s">
        <v>67</v>
      </c>
      <c r="N76" s="3" t="s">
        <v>117</v>
      </c>
      <c r="O76" s="3" t="s">
        <v>244</v>
      </c>
      <c r="P76" s="3" t="s">
        <v>37</v>
      </c>
      <c r="Q76" s="3" t="s">
        <v>37</v>
      </c>
      <c r="R76" s="3" t="s">
        <v>38</v>
      </c>
      <c r="S76" s="3" t="s">
        <v>363</v>
      </c>
      <c r="T76" s="3" t="s">
        <v>37</v>
      </c>
      <c r="U76" s="3" t="s">
        <v>37</v>
      </c>
      <c r="V76" s="3" t="s">
        <v>37</v>
      </c>
    </row>
    <row r="77" spans="1:22" x14ac:dyDescent="0.25">
      <c r="A77" s="3" t="s">
        <v>22</v>
      </c>
      <c r="B77" s="4" t="s">
        <v>237</v>
      </c>
      <c r="C77" s="3" t="s">
        <v>238</v>
      </c>
      <c r="D77" s="5" t="s">
        <v>364</v>
      </c>
      <c r="E77" s="3" t="s">
        <v>358</v>
      </c>
      <c r="F77" s="3" t="s">
        <v>365</v>
      </c>
      <c r="G77" s="3" t="s">
        <v>83</v>
      </c>
      <c r="H77" s="3" t="s">
        <v>49</v>
      </c>
      <c r="I77" s="3" t="s">
        <v>361</v>
      </c>
      <c r="J77" s="3" t="s">
        <v>366</v>
      </c>
      <c r="K77" s="3" t="s">
        <v>32</v>
      </c>
      <c r="L77" s="3" t="s">
        <v>33</v>
      </c>
      <c r="M77" s="3" t="s">
        <v>67</v>
      </c>
      <c r="N77" s="3" t="s">
        <v>117</v>
      </c>
      <c r="O77" s="3" t="s">
        <v>244</v>
      </c>
      <c r="P77" s="3" t="s">
        <v>37</v>
      </c>
      <c r="Q77" s="3" t="s">
        <v>37</v>
      </c>
      <c r="R77" s="3" t="s">
        <v>38</v>
      </c>
      <c r="S77" s="3" t="s">
        <v>367</v>
      </c>
      <c r="T77" s="3" t="s">
        <v>37</v>
      </c>
      <c r="U77" s="3" t="s">
        <v>37</v>
      </c>
      <c r="V77" s="3" t="s">
        <v>37</v>
      </c>
    </row>
    <row r="78" spans="1:22" x14ac:dyDescent="0.25">
      <c r="A78" s="3" t="s">
        <v>22</v>
      </c>
      <c r="B78" s="4" t="s">
        <v>237</v>
      </c>
      <c r="C78" s="3" t="s">
        <v>238</v>
      </c>
      <c r="D78" s="5" t="s">
        <v>368</v>
      </c>
      <c r="E78" s="3" t="s">
        <v>369</v>
      </c>
      <c r="F78" s="3" t="s">
        <v>370</v>
      </c>
      <c r="G78" s="3" t="s">
        <v>94</v>
      </c>
      <c r="H78" s="3" t="s">
        <v>325</v>
      </c>
      <c r="I78" s="3" t="s">
        <v>37</v>
      </c>
      <c r="J78" s="3" t="s">
        <v>371</v>
      </c>
      <c r="K78" s="3" t="s">
        <v>32</v>
      </c>
      <c r="L78" s="3" t="s">
        <v>33</v>
      </c>
      <c r="M78" s="3" t="s">
        <v>67</v>
      </c>
      <c r="N78" s="3" t="s">
        <v>52</v>
      </c>
      <c r="O78" s="3" t="s">
        <v>244</v>
      </c>
      <c r="P78" s="3" t="s">
        <v>37</v>
      </c>
      <c r="Q78" s="3" t="s">
        <v>37</v>
      </c>
      <c r="R78" s="3" t="s">
        <v>38</v>
      </c>
      <c r="S78" s="3" t="s">
        <v>372</v>
      </c>
      <c r="T78" s="3" t="s">
        <v>37</v>
      </c>
      <c r="U78" s="3" t="s">
        <v>37</v>
      </c>
      <c r="V78" s="3" t="s">
        <v>37</v>
      </c>
    </row>
    <row r="79" spans="1:22" x14ac:dyDescent="0.25">
      <c r="A79" s="3" t="s">
        <v>22</v>
      </c>
      <c r="B79" s="4" t="s">
        <v>237</v>
      </c>
      <c r="C79" s="3" t="s">
        <v>238</v>
      </c>
      <c r="D79" s="5" t="s">
        <v>373</v>
      </c>
      <c r="E79" s="3" t="s">
        <v>369</v>
      </c>
      <c r="F79" s="3" t="s">
        <v>374</v>
      </c>
      <c r="G79" s="3" t="s">
        <v>177</v>
      </c>
      <c r="H79" s="3" t="s">
        <v>325</v>
      </c>
      <c r="I79" s="3" t="s">
        <v>37</v>
      </c>
      <c r="J79" s="3" t="s">
        <v>375</v>
      </c>
      <c r="K79" s="3" t="s">
        <v>32</v>
      </c>
      <c r="L79" s="3" t="s">
        <v>33</v>
      </c>
      <c r="M79" s="3" t="s">
        <v>67</v>
      </c>
      <c r="N79" s="3" t="s">
        <v>52</v>
      </c>
      <c r="O79" s="3" t="s">
        <v>244</v>
      </c>
      <c r="P79" s="3" t="s">
        <v>37</v>
      </c>
      <c r="Q79" s="3" t="s">
        <v>37</v>
      </c>
      <c r="R79" s="3" t="s">
        <v>38</v>
      </c>
      <c r="S79" s="3" t="s">
        <v>376</v>
      </c>
      <c r="T79" s="3" t="s">
        <v>37</v>
      </c>
      <c r="U79" s="3" t="s">
        <v>37</v>
      </c>
      <c r="V79" s="3" t="s">
        <v>37</v>
      </c>
    </row>
    <row r="80" spans="1:22" x14ac:dyDescent="0.25">
      <c r="A80" s="3" t="s">
        <v>22</v>
      </c>
      <c r="B80" s="4" t="s">
        <v>237</v>
      </c>
      <c r="C80" s="3" t="s">
        <v>238</v>
      </c>
      <c r="D80" s="5" t="s">
        <v>221</v>
      </c>
      <c r="E80" s="3" t="s">
        <v>377</v>
      </c>
      <c r="F80" s="3" t="s">
        <v>378</v>
      </c>
      <c r="G80" s="3" t="s">
        <v>379</v>
      </c>
      <c r="H80" s="3" t="s">
        <v>65</v>
      </c>
      <c r="I80" s="3" t="s">
        <v>37</v>
      </c>
      <c r="J80" s="3" t="s">
        <v>380</v>
      </c>
      <c r="K80" s="3" t="s">
        <v>32</v>
      </c>
      <c r="L80" s="3" t="s">
        <v>33</v>
      </c>
      <c r="M80" s="3" t="s">
        <v>381</v>
      </c>
      <c r="N80" s="3" t="s">
        <v>52</v>
      </c>
      <c r="O80" s="3" t="s">
        <v>53</v>
      </c>
      <c r="P80" s="3" t="s">
        <v>54</v>
      </c>
      <c r="Q80" s="3" t="s">
        <v>37</v>
      </c>
      <c r="R80" s="3" t="s">
        <v>38</v>
      </c>
      <c r="S80" s="3" t="s">
        <v>382</v>
      </c>
      <c r="T80" s="3" t="s">
        <v>37</v>
      </c>
      <c r="U80" s="3" t="s">
        <v>37</v>
      </c>
      <c r="V80" s="3" t="s">
        <v>383</v>
      </c>
    </row>
    <row r="81" spans="1:22" x14ac:dyDescent="0.25">
      <c r="A81" s="3" t="s">
        <v>22</v>
      </c>
      <c r="B81" s="4" t="s">
        <v>237</v>
      </c>
      <c r="C81" s="3" t="s">
        <v>238</v>
      </c>
      <c r="D81" s="5" t="s">
        <v>222</v>
      </c>
      <c r="E81" s="3" t="s">
        <v>377</v>
      </c>
      <c r="F81" s="3" t="s">
        <v>384</v>
      </c>
      <c r="G81" s="3" t="s">
        <v>194</v>
      </c>
      <c r="H81" s="3" t="s">
        <v>65</v>
      </c>
      <c r="I81" s="3" t="s">
        <v>37</v>
      </c>
      <c r="J81" s="3" t="s">
        <v>385</v>
      </c>
      <c r="K81" s="3" t="s">
        <v>32</v>
      </c>
      <c r="L81" s="3" t="s">
        <v>37</v>
      </c>
      <c r="M81" s="3" t="s">
        <v>381</v>
      </c>
      <c r="N81" s="3" t="s">
        <v>52</v>
      </c>
      <c r="O81" s="3" t="s">
        <v>53</v>
      </c>
      <c r="P81" s="3" t="s">
        <v>54</v>
      </c>
      <c r="Q81" s="3" t="s">
        <v>37</v>
      </c>
      <c r="R81" s="3" t="s">
        <v>38</v>
      </c>
      <c r="S81" s="3" t="s">
        <v>386</v>
      </c>
      <c r="T81" s="3" t="s">
        <v>37</v>
      </c>
      <c r="U81" s="3" t="s">
        <v>37</v>
      </c>
      <c r="V81" s="3" t="s">
        <v>37</v>
      </c>
    </row>
    <row r="82" spans="1:22" x14ac:dyDescent="0.25">
      <c r="A82" s="3" t="s">
        <v>22</v>
      </c>
      <c r="B82" s="4" t="s">
        <v>237</v>
      </c>
      <c r="C82" s="3" t="s">
        <v>238</v>
      </c>
      <c r="D82" s="5" t="s">
        <v>226</v>
      </c>
      <c r="E82" s="3" t="s">
        <v>125</v>
      </c>
      <c r="F82" s="3" t="s">
        <v>387</v>
      </c>
      <c r="G82" s="3" t="s">
        <v>121</v>
      </c>
      <c r="H82" s="3" t="s">
        <v>29</v>
      </c>
      <c r="I82" s="3" t="s">
        <v>388</v>
      </c>
      <c r="J82" s="3" t="s">
        <v>389</v>
      </c>
      <c r="K82" s="3" t="s">
        <v>32</v>
      </c>
      <c r="L82" s="3" t="s">
        <v>33</v>
      </c>
      <c r="M82" s="3" t="s">
        <v>67</v>
      </c>
      <c r="N82" s="3" t="s">
        <v>52</v>
      </c>
      <c r="O82" s="3" t="s">
        <v>53</v>
      </c>
      <c r="P82" s="3" t="s">
        <v>54</v>
      </c>
      <c r="Q82" s="3" t="s">
        <v>37</v>
      </c>
      <c r="R82" s="3" t="s">
        <v>38</v>
      </c>
      <c r="S82" s="3" t="s">
        <v>390</v>
      </c>
      <c r="T82" s="3" t="s">
        <v>37</v>
      </c>
      <c r="U82" s="3" t="s">
        <v>37</v>
      </c>
      <c r="V82" s="3" t="s">
        <v>37</v>
      </c>
    </row>
    <row r="83" spans="1:22" x14ac:dyDescent="0.25">
      <c r="A83" s="3" t="s">
        <v>22</v>
      </c>
      <c r="B83" s="4" t="s">
        <v>237</v>
      </c>
      <c r="C83" s="3" t="s">
        <v>238</v>
      </c>
      <c r="D83" s="5" t="s">
        <v>233</v>
      </c>
      <c r="E83" s="3" t="s">
        <v>125</v>
      </c>
      <c r="F83" s="3" t="s">
        <v>391</v>
      </c>
      <c r="G83" s="3" t="s">
        <v>248</v>
      </c>
      <c r="H83" s="3" t="s">
        <v>29</v>
      </c>
      <c r="I83" s="3" t="s">
        <v>132</v>
      </c>
      <c r="J83" s="3" t="s">
        <v>392</v>
      </c>
      <c r="K83" s="3" t="s">
        <v>32</v>
      </c>
      <c r="L83" s="3" t="s">
        <v>33</v>
      </c>
      <c r="M83" s="3" t="s">
        <v>67</v>
      </c>
      <c r="N83" s="3" t="s">
        <v>52</v>
      </c>
      <c r="O83" s="3" t="s">
        <v>36</v>
      </c>
      <c r="P83" s="3" t="s">
        <v>54</v>
      </c>
      <c r="Q83" s="3" t="s">
        <v>37</v>
      </c>
      <c r="R83" s="3" t="s">
        <v>38</v>
      </c>
      <c r="S83" s="3" t="s">
        <v>393</v>
      </c>
      <c r="T83" s="3" t="s">
        <v>37</v>
      </c>
      <c r="U83" s="3" t="s">
        <v>37</v>
      </c>
      <c r="V83" s="3" t="s">
        <v>37</v>
      </c>
    </row>
    <row r="84" spans="1:22" x14ac:dyDescent="0.25">
      <c r="A84" s="3"/>
      <c r="B84" s="4"/>
      <c r="C84" s="3"/>
      <c r="D84" s="5"/>
      <c r="E84" s="6" t="s">
        <v>236</v>
      </c>
      <c r="F84" s="3"/>
      <c r="G84" s="3"/>
      <c r="H84" s="3"/>
      <c r="I84" s="3"/>
      <c r="J84" s="3"/>
      <c r="K84" s="3"/>
      <c r="L84" s="3"/>
      <c r="M84" s="3"/>
      <c r="N84" s="3"/>
      <c r="O84" s="3"/>
      <c r="P84" s="3"/>
      <c r="Q84" s="3"/>
      <c r="R84" s="3"/>
      <c r="S84" s="3"/>
      <c r="T84" s="3"/>
      <c r="U84" s="3"/>
      <c r="V84" s="3"/>
    </row>
    <row r="85" spans="1:22" x14ac:dyDescent="0.25">
      <c r="A85" s="3"/>
      <c r="B85" s="4"/>
      <c r="C85" s="3"/>
      <c r="D85" s="5"/>
      <c r="E85" s="6"/>
      <c r="F85" s="3"/>
      <c r="G85" s="3"/>
      <c r="H85" s="3"/>
      <c r="I85" s="3"/>
      <c r="J85" s="3"/>
      <c r="K85" s="3"/>
      <c r="L85" s="3"/>
      <c r="M85" s="3"/>
      <c r="N85" s="3"/>
      <c r="O85" s="3"/>
      <c r="P85" s="3"/>
      <c r="Q85" s="3"/>
      <c r="R85" s="3"/>
      <c r="S85" s="3"/>
      <c r="T85" s="3"/>
      <c r="U85" s="3"/>
      <c r="V85" s="3"/>
    </row>
    <row r="86" spans="1:22" x14ac:dyDescent="0.25">
      <c r="A86" s="3" t="s">
        <v>22</v>
      </c>
      <c r="B86" s="4" t="s">
        <v>394</v>
      </c>
      <c r="C86" s="3" t="s">
        <v>395</v>
      </c>
      <c r="D86" s="5" t="s">
        <v>25</v>
      </c>
      <c r="E86" s="3" t="s">
        <v>396</v>
      </c>
      <c r="F86" s="3" t="s">
        <v>397</v>
      </c>
      <c r="G86" s="3" t="s">
        <v>325</v>
      </c>
      <c r="H86" s="3" t="s">
        <v>65</v>
      </c>
      <c r="I86" s="3" t="s">
        <v>398</v>
      </c>
      <c r="J86" s="3" t="s">
        <v>399</v>
      </c>
      <c r="K86" s="3" t="s">
        <v>32</v>
      </c>
      <c r="L86" s="3" t="s">
        <v>33</v>
      </c>
      <c r="M86" s="3" t="s">
        <v>67</v>
      </c>
      <c r="N86" s="3" t="s">
        <v>142</v>
      </c>
      <c r="O86" s="3" t="s">
        <v>53</v>
      </c>
      <c r="P86" s="3" t="s">
        <v>54</v>
      </c>
      <c r="Q86" s="3" t="s">
        <v>37</v>
      </c>
      <c r="R86" s="3" t="s">
        <v>38</v>
      </c>
      <c r="S86" s="3" t="s">
        <v>400</v>
      </c>
      <c r="T86" s="3" t="s">
        <v>37</v>
      </c>
      <c r="U86" s="3" t="s">
        <v>37</v>
      </c>
      <c r="V86" s="3" t="s">
        <v>37</v>
      </c>
    </row>
    <row r="87" spans="1:22" x14ac:dyDescent="0.25">
      <c r="A87" s="3" t="s">
        <v>22</v>
      </c>
      <c r="B87" s="4" t="s">
        <v>394</v>
      </c>
      <c r="C87" s="3" t="s">
        <v>395</v>
      </c>
      <c r="D87" s="5" t="s">
        <v>40</v>
      </c>
      <c r="E87" s="3" t="s">
        <v>396</v>
      </c>
      <c r="F87" s="3" t="s">
        <v>401</v>
      </c>
      <c r="G87" s="3" t="s">
        <v>234</v>
      </c>
      <c r="H87" s="3" t="s">
        <v>65</v>
      </c>
      <c r="I87" s="3" t="s">
        <v>402</v>
      </c>
      <c r="J87" s="3" t="s">
        <v>403</v>
      </c>
      <c r="K87" s="3" t="s">
        <v>32</v>
      </c>
      <c r="L87" s="3" t="s">
        <v>33</v>
      </c>
      <c r="M87" s="3" t="s">
        <v>67</v>
      </c>
      <c r="N87" s="3" t="s">
        <v>142</v>
      </c>
      <c r="O87" s="3" t="s">
        <v>53</v>
      </c>
      <c r="P87" s="3" t="s">
        <v>54</v>
      </c>
      <c r="Q87" s="3" t="s">
        <v>37</v>
      </c>
      <c r="R87" s="3" t="s">
        <v>38</v>
      </c>
      <c r="S87" s="3" t="s">
        <v>404</v>
      </c>
      <c r="T87" s="3" t="s">
        <v>37</v>
      </c>
      <c r="U87" s="3" t="s">
        <v>37</v>
      </c>
      <c r="V87" s="3" t="s">
        <v>37</v>
      </c>
    </row>
    <row r="88" spans="1:22" x14ac:dyDescent="0.25">
      <c r="A88" s="3" t="s">
        <v>22</v>
      </c>
      <c r="B88" s="4" t="s">
        <v>394</v>
      </c>
      <c r="C88" s="3" t="s">
        <v>395</v>
      </c>
      <c r="D88" s="5" t="s">
        <v>45</v>
      </c>
      <c r="E88" s="3" t="s">
        <v>46</v>
      </c>
      <c r="F88" s="3" t="s">
        <v>405</v>
      </c>
      <c r="G88" s="3" t="s">
        <v>379</v>
      </c>
      <c r="H88" s="3" t="s">
        <v>65</v>
      </c>
      <c r="I88" s="3" t="s">
        <v>50</v>
      </c>
      <c r="J88" s="3" t="s">
        <v>406</v>
      </c>
      <c r="K88" s="3" t="s">
        <v>32</v>
      </c>
      <c r="L88" s="3" t="s">
        <v>33</v>
      </c>
      <c r="M88" s="3" t="s">
        <v>34</v>
      </c>
      <c r="N88" s="3" t="s">
        <v>35</v>
      </c>
      <c r="O88" s="3" t="s">
        <v>53</v>
      </c>
      <c r="P88" s="3" t="s">
        <v>54</v>
      </c>
      <c r="Q88" s="3" t="s">
        <v>85</v>
      </c>
      <c r="R88" s="3" t="s">
        <v>38</v>
      </c>
      <c r="S88" s="3" t="s">
        <v>407</v>
      </c>
      <c r="T88" s="3" t="s">
        <v>37</v>
      </c>
      <c r="U88" s="3" t="s">
        <v>37</v>
      </c>
      <c r="V88" s="3" t="s">
        <v>37</v>
      </c>
    </row>
    <row r="89" spans="1:22" x14ac:dyDescent="0.25">
      <c r="A89" s="3" t="s">
        <v>22</v>
      </c>
      <c r="B89" s="4" t="s">
        <v>394</v>
      </c>
      <c r="C89" s="3" t="s">
        <v>395</v>
      </c>
      <c r="D89" s="5" t="s">
        <v>56</v>
      </c>
      <c r="E89" s="3" t="s">
        <v>46</v>
      </c>
      <c r="F89" s="3" t="s">
        <v>355</v>
      </c>
      <c r="G89" s="3" t="s">
        <v>139</v>
      </c>
      <c r="H89" s="3" t="s">
        <v>29</v>
      </c>
      <c r="I89" s="3" t="s">
        <v>50</v>
      </c>
      <c r="J89" s="3" t="s">
        <v>356</v>
      </c>
      <c r="K89" s="3" t="s">
        <v>32</v>
      </c>
      <c r="L89" s="3" t="s">
        <v>33</v>
      </c>
      <c r="M89" s="3" t="s">
        <v>34</v>
      </c>
      <c r="N89" s="3" t="s">
        <v>117</v>
      </c>
      <c r="O89" s="3" t="s">
        <v>53</v>
      </c>
      <c r="P89" s="3" t="s">
        <v>54</v>
      </c>
      <c r="Q89" s="3" t="s">
        <v>37</v>
      </c>
      <c r="R89" s="3" t="s">
        <v>38</v>
      </c>
      <c r="S89" s="3" t="s">
        <v>357</v>
      </c>
      <c r="T89" s="3" t="s">
        <v>37</v>
      </c>
      <c r="U89" s="3" t="s">
        <v>37</v>
      </c>
      <c r="V89" s="3" t="s">
        <v>37</v>
      </c>
    </row>
    <row r="90" spans="1:22" x14ac:dyDescent="0.25">
      <c r="A90" s="3" t="s">
        <v>22</v>
      </c>
      <c r="B90" s="4" t="s">
        <v>394</v>
      </c>
      <c r="C90" s="3" t="s">
        <v>395</v>
      </c>
      <c r="D90" s="5" t="s">
        <v>408</v>
      </c>
      <c r="E90" s="3" t="s">
        <v>46</v>
      </c>
      <c r="F90" s="3" t="s">
        <v>409</v>
      </c>
      <c r="G90" s="3" t="s">
        <v>410</v>
      </c>
      <c r="H90" s="3" t="s">
        <v>65</v>
      </c>
      <c r="I90" s="3" t="s">
        <v>50</v>
      </c>
      <c r="J90" s="3" t="s">
        <v>411</v>
      </c>
      <c r="K90" s="3" t="s">
        <v>32</v>
      </c>
      <c r="L90" s="3" t="s">
        <v>33</v>
      </c>
      <c r="M90" s="3" t="s">
        <v>34</v>
      </c>
      <c r="N90" s="3" t="s">
        <v>35</v>
      </c>
      <c r="O90" s="3" t="s">
        <v>53</v>
      </c>
      <c r="P90" s="3" t="s">
        <v>54</v>
      </c>
      <c r="Q90" s="3" t="s">
        <v>85</v>
      </c>
      <c r="R90" s="3" t="s">
        <v>38</v>
      </c>
      <c r="S90" s="3" t="s">
        <v>412</v>
      </c>
      <c r="T90" s="3" t="s">
        <v>37</v>
      </c>
      <c r="U90" s="3" t="s">
        <v>37</v>
      </c>
      <c r="V90" s="3" t="s">
        <v>37</v>
      </c>
    </row>
    <row r="91" spans="1:22" x14ac:dyDescent="0.25">
      <c r="A91" s="3" t="s">
        <v>22</v>
      </c>
      <c r="B91" s="4" t="s">
        <v>394</v>
      </c>
      <c r="C91" s="3" t="s">
        <v>395</v>
      </c>
      <c r="D91" s="5" t="s">
        <v>413</v>
      </c>
      <c r="E91" s="3" t="s">
        <v>46</v>
      </c>
      <c r="F91" s="3" t="s">
        <v>414</v>
      </c>
      <c r="G91" s="3" t="s">
        <v>229</v>
      </c>
      <c r="H91" s="3" t="s">
        <v>65</v>
      </c>
      <c r="I91" s="3" t="s">
        <v>50</v>
      </c>
      <c r="J91" s="3" t="s">
        <v>415</v>
      </c>
      <c r="K91" s="3" t="s">
        <v>32</v>
      </c>
      <c r="L91" s="3" t="s">
        <v>33</v>
      </c>
      <c r="M91" s="3" t="s">
        <v>34</v>
      </c>
      <c r="N91" s="3" t="s">
        <v>35</v>
      </c>
      <c r="O91" s="3" t="s">
        <v>53</v>
      </c>
      <c r="P91" s="3" t="s">
        <v>54</v>
      </c>
      <c r="Q91" s="3" t="s">
        <v>85</v>
      </c>
      <c r="R91" s="3" t="s">
        <v>38</v>
      </c>
      <c r="S91" s="3" t="s">
        <v>416</v>
      </c>
      <c r="T91" s="3" t="s">
        <v>37</v>
      </c>
      <c r="U91" s="3" t="s">
        <v>37</v>
      </c>
      <c r="V91" s="3" t="s">
        <v>37</v>
      </c>
    </row>
    <row r="92" spans="1:22" x14ac:dyDescent="0.25">
      <c r="A92" s="3" t="s">
        <v>22</v>
      </c>
      <c r="B92" s="4" t="s">
        <v>394</v>
      </c>
      <c r="C92" s="3" t="s">
        <v>395</v>
      </c>
      <c r="D92" s="5" t="s">
        <v>417</v>
      </c>
      <c r="E92" s="3" t="s">
        <v>418</v>
      </c>
      <c r="F92" s="3" t="s">
        <v>419</v>
      </c>
      <c r="G92" s="3" t="s">
        <v>420</v>
      </c>
      <c r="H92" s="3" t="s">
        <v>65</v>
      </c>
      <c r="I92" s="3" t="s">
        <v>421</v>
      </c>
      <c r="J92" s="3" t="s">
        <v>422</v>
      </c>
      <c r="K92" s="3" t="s">
        <v>32</v>
      </c>
      <c r="L92" s="3" t="s">
        <v>33</v>
      </c>
      <c r="M92" s="3" t="s">
        <v>34</v>
      </c>
      <c r="N92" s="3" t="s">
        <v>142</v>
      </c>
      <c r="O92" s="3" t="s">
        <v>36</v>
      </c>
      <c r="P92" s="3" t="s">
        <v>37</v>
      </c>
      <c r="Q92" s="3" t="s">
        <v>37</v>
      </c>
      <c r="R92" s="3" t="s">
        <v>38</v>
      </c>
      <c r="S92" s="3" t="s">
        <v>423</v>
      </c>
      <c r="T92" s="3" t="s">
        <v>37</v>
      </c>
      <c r="U92" s="3" t="s">
        <v>37</v>
      </c>
      <c r="V92" s="3" t="s">
        <v>37</v>
      </c>
    </row>
    <row r="93" spans="1:22" x14ac:dyDescent="0.25">
      <c r="A93" s="3" t="s">
        <v>22</v>
      </c>
      <c r="B93" s="4" t="s">
        <v>394</v>
      </c>
      <c r="C93" s="3" t="s">
        <v>395</v>
      </c>
      <c r="D93" s="5" t="s">
        <v>81</v>
      </c>
      <c r="E93" s="3" t="s">
        <v>418</v>
      </c>
      <c r="F93" s="3" t="s">
        <v>424</v>
      </c>
      <c r="G93" s="3" t="s">
        <v>64</v>
      </c>
      <c r="H93" s="3" t="s">
        <v>65</v>
      </c>
      <c r="I93" s="3" t="s">
        <v>425</v>
      </c>
      <c r="J93" s="3" t="s">
        <v>426</v>
      </c>
      <c r="K93" s="3" t="s">
        <v>32</v>
      </c>
      <c r="L93" s="3" t="s">
        <v>33</v>
      </c>
      <c r="M93" s="3" t="s">
        <v>34</v>
      </c>
      <c r="N93" s="3" t="s">
        <v>142</v>
      </c>
      <c r="O93" s="3" t="s">
        <v>36</v>
      </c>
      <c r="P93" s="3" t="s">
        <v>37</v>
      </c>
      <c r="Q93" s="3" t="s">
        <v>37</v>
      </c>
      <c r="R93" s="3" t="s">
        <v>38</v>
      </c>
      <c r="S93" s="3" t="s">
        <v>427</v>
      </c>
      <c r="T93" s="3" t="s">
        <v>37</v>
      </c>
      <c r="U93" s="3" t="s">
        <v>37</v>
      </c>
      <c r="V93" s="3" t="s">
        <v>37</v>
      </c>
    </row>
    <row r="94" spans="1:22" x14ac:dyDescent="0.25">
      <c r="A94" s="3" t="s">
        <v>22</v>
      </c>
      <c r="B94" s="4" t="s">
        <v>394</v>
      </c>
      <c r="C94" s="3" t="s">
        <v>395</v>
      </c>
      <c r="D94" s="5" t="s">
        <v>428</v>
      </c>
      <c r="E94" s="3" t="s">
        <v>70</v>
      </c>
      <c r="F94" s="3" t="s">
        <v>160</v>
      </c>
      <c r="G94" s="3" t="s">
        <v>161</v>
      </c>
      <c r="H94" s="3" t="s">
        <v>49</v>
      </c>
      <c r="I94" s="3" t="s">
        <v>37</v>
      </c>
      <c r="J94" s="3" t="s">
        <v>162</v>
      </c>
      <c r="K94" s="3" t="s">
        <v>32</v>
      </c>
      <c r="L94" s="3" t="s">
        <v>33</v>
      </c>
      <c r="M94" s="3" t="s">
        <v>67</v>
      </c>
      <c r="N94" s="3" t="s">
        <v>74</v>
      </c>
      <c r="O94" s="3" t="s">
        <v>53</v>
      </c>
      <c r="P94" s="3" t="s">
        <v>54</v>
      </c>
      <c r="Q94" s="3" t="s">
        <v>37</v>
      </c>
      <c r="R94" s="3" t="s">
        <v>38</v>
      </c>
      <c r="S94" s="3" t="s">
        <v>163</v>
      </c>
      <c r="T94" s="3" t="s">
        <v>37</v>
      </c>
      <c r="U94" s="3" t="s">
        <v>37</v>
      </c>
      <c r="V94" s="3" t="s">
        <v>37</v>
      </c>
    </row>
    <row r="95" spans="1:22" x14ac:dyDescent="0.25">
      <c r="A95" s="3" t="s">
        <v>22</v>
      </c>
      <c r="B95" s="4" t="s">
        <v>394</v>
      </c>
      <c r="C95" s="3" t="s">
        <v>395</v>
      </c>
      <c r="D95" s="5" t="s">
        <v>291</v>
      </c>
      <c r="E95" s="3" t="s">
        <v>70</v>
      </c>
      <c r="F95" s="3" t="s">
        <v>429</v>
      </c>
      <c r="G95" s="3" t="s">
        <v>430</v>
      </c>
      <c r="H95" s="3" t="s">
        <v>49</v>
      </c>
      <c r="I95" s="3" t="s">
        <v>37</v>
      </c>
      <c r="J95" s="3" t="s">
        <v>431</v>
      </c>
      <c r="K95" s="3" t="s">
        <v>32</v>
      </c>
      <c r="L95" s="3" t="s">
        <v>33</v>
      </c>
      <c r="M95" s="3" t="s">
        <v>67</v>
      </c>
      <c r="N95" s="3" t="s">
        <v>74</v>
      </c>
      <c r="O95" s="3" t="s">
        <v>53</v>
      </c>
      <c r="P95" s="3" t="s">
        <v>54</v>
      </c>
      <c r="Q95" s="3" t="s">
        <v>37</v>
      </c>
      <c r="R95" s="3" t="s">
        <v>38</v>
      </c>
      <c r="S95" s="3" t="s">
        <v>432</v>
      </c>
      <c r="T95" s="3" t="s">
        <v>37</v>
      </c>
      <c r="U95" s="3" t="s">
        <v>37</v>
      </c>
      <c r="V95" s="3" t="s">
        <v>37</v>
      </c>
    </row>
    <row r="96" spans="1:22" x14ac:dyDescent="0.25">
      <c r="A96" s="3" t="s">
        <v>22</v>
      </c>
      <c r="B96" s="4" t="s">
        <v>394</v>
      </c>
      <c r="C96" s="3" t="s">
        <v>395</v>
      </c>
      <c r="D96" s="5" t="s">
        <v>296</v>
      </c>
      <c r="E96" s="3" t="s">
        <v>46</v>
      </c>
      <c r="F96" s="3" t="s">
        <v>433</v>
      </c>
      <c r="G96" s="3" t="s">
        <v>434</v>
      </c>
      <c r="H96" s="3" t="s">
        <v>29</v>
      </c>
      <c r="I96" s="3" t="s">
        <v>50</v>
      </c>
      <c r="J96" s="3" t="s">
        <v>435</v>
      </c>
      <c r="K96" s="3" t="s">
        <v>32</v>
      </c>
      <c r="L96" s="3" t="s">
        <v>33</v>
      </c>
      <c r="M96" s="3" t="s">
        <v>34</v>
      </c>
      <c r="N96" s="3" t="s">
        <v>117</v>
      </c>
      <c r="O96" s="3" t="s">
        <v>53</v>
      </c>
      <c r="P96" s="3" t="s">
        <v>54</v>
      </c>
      <c r="Q96" s="3" t="s">
        <v>37</v>
      </c>
      <c r="R96" s="3" t="s">
        <v>38</v>
      </c>
      <c r="S96" s="3" t="s">
        <v>436</v>
      </c>
      <c r="T96" s="3" t="s">
        <v>37</v>
      </c>
      <c r="U96" s="3" t="s">
        <v>37</v>
      </c>
      <c r="V96" s="3" t="s">
        <v>37</v>
      </c>
    </row>
    <row r="97" spans="1:22" x14ac:dyDescent="0.25">
      <c r="A97" s="3" t="s">
        <v>22</v>
      </c>
      <c r="B97" s="4" t="s">
        <v>394</v>
      </c>
      <c r="C97" s="3" t="s">
        <v>395</v>
      </c>
      <c r="D97" s="5" t="s">
        <v>300</v>
      </c>
      <c r="E97" s="3" t="s">
        <v>62</v>
      </c>
      <c r="F97" s="3" t="s">
        <v>437</v>
      </c>
      <c r="G97" s="3" t="s">
        <v>65</v>
      </c>
      <c r="H97" s="3" t="s">
        <v>65</v>
      </c>
      <c r="I97" s="3" t="s">
        <v>37</v>
      </c>
      <c r="J97" s="3" t="s">
        <v>438</v>
      </c>
      <c r="K97" s="3" t="s">
        <v>32</v>
      </c>
      <c r="L97" s="3" t="s">
        <v>33</v>
      </c>
      <c r="M97" s="3" t="s">
        <v>67</v>
      </c>
      <c r="N97" s="3" t="s">
        <v>52</v>
      </c>
      <c r="O97" s="3" t="s">
        <v>53</v>
      </c>
      <c r="P97" s="3" t="s">
        <v>54</v>
      </c>
      <c r="Q97" s="3" t="s">
        <v>37</v>
      </c>
      <c r="R97" s="3" t="s">
        <v>38</v>
      </c>
      <c r="S97" s="3" t="s">
        <v>439</v>
      </c>
      <c r="T97" s="3" t="s">
        <v>37</v>
      </c>
      <c r="U97" s="3" t="s">
        <v>37</v>
      </c>
      <c r="V97" s="3" t="s">
        <v>37</v>
      </c>
    </row>
    <row r="98" spans="1:22" x14ac:dyDescent="0.25">
      <c r="A98" s="3" t="s">
        <v>22</v>
      </c>
      <c r="B98" s="4" t="s">
        <v>394</v>
      </c>
      <c r="C98" s="3" t="s">
        <v>395</v>
      </c>
      <c r="D98" s="5" t="s">
        <v>440</v>
      </c>
      <c r="E98" s="3" t="s">
        <v>62</v>
      </c>
      <c r="F98" s="3" t="s">
        <v>441</v>
      </c>
      <c r="G98" s="3" t="s">
        <v>29</v>
      </c>
      <c r="H98" s="3" t="s">
        <v>65</v>
      </c>
      <c r="I98" s="3" t="s">
        <v>37</v>
      </c>
      <c r="J98" s="3" t="s">
        <v>442</v>
      </c>
      <c r="K98" s="3" t="s">
        <v>32</v>
      </c>
      <c r="L98" s="3" t="s">
        <v>33</v>
      </c>
      <c r="M98" s="3" t="s">
        <v>67</v>
      </c>
      <c r="N98" s="3" t="s">
        <v>52</v>
      </c>
      <c r="O98" s="3" t="s">
        <v>53</v>
      </c>
      <c r="P98" s="3" t="s">
        <v>54</v>
      </c>
      <c r="Q98" s="3" t="s">
        <v>37</v>
      </c>
      <c r="R98" s="3" t="s">
        <v>38</v>
      </c>
      <c r="S98" s="3" t="s">
        <v>443</v>
      </c>
      <c r="T98" s="3" t="s">
        <v>37</v>
      </c>
      <c r="U98" s="3" t="s">
        <v>37</v>
      </c>
      <c r="V98" s="3" t="s">
        <v>37</v>
      </c>
    </row>
    <row r="99" spans="1:22" x14ac:dyDescent="0.25">
      <c r="A99" s="3" t="s">
        <v>22</v>
      </c>
      <c r="B99" s="4" t="s">
        <v>394</v>
      </c>
      <c r="C99" s="3" t="s">
        <v>395</v>
      </c>
      <c r="D99" s="5" t="s">
        <v>304</v>
      </c>
      <c r="E99" s="3" t="s">
        <v>852</v>
      </c>
      <c r="F99" s="3" t="s">
        <v>445</v>
      </c>
      <c r="G99" s="3" t="s">
        <v>94</v>
      </c>
      <c r="H99" s="3" t="s">
        <v>29</v>
      </c>
      <c r="I99" s="3" t="s">
        <v>37</v>
      </c>
      <c r="J99" s="3" t="s">
        <v>446</v>
      </c>
      <c r="K99" s="3" t="s">
        <v>32</v>
      </c>
      <c r="L99" s="3" t="s">
        <v>110</v>
      </c>
      <c r="M99" s="3" t="s">
        <v>67</v>
      </c>
      <c r="N99" s="3" t="s">
        <v>447</v>
      </c>
      <c r="O99" s="3" t="s">
        <v>53</v>
      </c>
      <c r="P99" s="3" t="s">
        <v>37</v>
      </c>
      <c r="Q99" s="3" t="s">
        <v>37</v>
      </c>
      <c r="R99" s="3" t="s">
        <v>38</v>
      </c>
      <c r="S99" s="3" t="s">
        <v>448</v>
      </c>
      <c r="T99" s="3" t="s">
        <v>181</v>
      </c>
      <c r="U99" s="3" t="s">
        <v>37</v>
      </c>
      <c r="V99" s="3" t="s">
        <v>37</v>
      </c>
    </row>
    <row r="100" spans="1:22" x14ac:dyDescent="0.25">
      <c r="A100" s="3" t="s">
        <v>22</v>
      </c>
      <c r="B100" s="4" t="s">
        <v>394</v>
      </c>
      <c r="C100" s="3" t="s">
        <v>395</v>
      </c>
      <c r="D100" s="5" t="s">
        <v>310</v>
      </c>
      <c r="E100" s="3" t="s">
        <v>449</v>
      </c>
      <c r="F100" s="3" t="s">
        <v>450</v>
      </c>
      <c r="G100" s="3" t="s">
        <v>65</v>
      </c>
      <c r="H100" s="3" t="s">
        <v>65</v>
      </c>
      <c r="I100" s="3" t="s">
        <v>37</v>
      </c>
      <c r="J100" s="3" t="s">
        <v>451</v>
      </c>
      <c r="K100" s="3" t="s">
        <v>32</v>
      </c>
      <c r="L100" s="3" t="s">
        <v>33</v>
      </c>
      <c r="M100" s="3" t="s">
        <v>67</v>
      </c>
      <c r="N100" s="3" t="s">
        <v>52</v>
      </c>
      <c r="O100" s="3" t="s">
        <v>53</v>
      </c>
      <c r="P100" s="3" t="s">
        <v>37</v>
      </c>
      <c r="Q100" s="3" t="s">
        <v>37</v>
      </c>
      <c r="R100" s="3" t="s">
        <v>38</v>
      </c>
      <c r="S100" s="3" t="s">
        <v>452</v>
      </c>
      <c r="T100" s="3" t="s">
        <v>37</v>
      </c>
      <c r="U100" s="3" t="s">
        <v>37</v>
      </c>
      <c r="V100" s="3" t="s">
        <v>37</v>
      </c>
    </row>
    <row r="101" spans="1:22" x14ac:dyDescent="0.25">
      <c r="A101" s="3" t="s">
        <v>22</v>
      </c>
      <c r="B101" s="4" t="s">
        <v>394</v>
      </c>
      <c r="C101" s="3" t="s">
        <v>395</v>
      </c>
      <c r="D101" s="5" t="s">
        <v>453</v>
      </c>
      <c r="E101" s="3" t="s">
        <v>46</v>
      </c>
      <c r="F101" s="3" t="s">
        <v>454</v>
      </c>
      <c r="G101" s="3" t="s">
        <v>455</v>
      </c>
      <c r="H101" s="3" t="s">
        <v>29</v>
      </c>
      <c r="I101" s="3" t="s">
        <v>50</v>
      </c>
      <c r="J101" s="3" t="s">
        <v>456</v>
      </c>
      <c r="K101" s="3" t="s">
        <v>32</v>
      </c>
      <c r="L101" s="3" t="s">
        <v>33</v>
      </c>
      <c r="M101" s="3" t="s">
        <v>34</v>
      </c>
      <c r="N101" s="3" t="s">
        <v>117</v>
      </c>
      <c r="O101" s="3" t="s">
        <v>53</v>
      </c>
      <c r="P101" s="3" t="s">
        <v>54</v>
      </c>
      <c r="Q101" s="3" t="s">
        <v>37</v>
      </c>
      <c r="R101" s="3" t="s">
        <v>38</v>
      </c>
      <c r="S101" s="3" t="s">
        <v>457</v>
      </c>
      <c r="T101" s="3" t="s">
        <v>37</v>
      </c>
      <c r="U101" s="3" t="s">
        <v>37</v>
      </c>
      <c r="V101" s="3" t="s">
        <v>37</v>
      </c>
    </row>
    <row r="102" spans="1:22" x14ac:dyDescent="0.25">
      <c r="A102" s="3" t="s">
        <v>22</v>
      </c>
      <c r="B102" s="4" t="s">
        <v>394</v>
      </c>
      <c r="C102" s="3" t="s">
        <v>395</v>
      </c>
      <c r="D102" s="5" t="s">
        <v>458</v>
      </c>
      <c r="E102" s="3" t="s">
        <v>46</v>
      </c>
      <c r="F102" s="3" t="s">
        <v>459</v>
      </c>
      <c r="G102" s="3" t="s">
        <v>460</v>
      </c>
      <c r="H102" s="3" t="s">
        <v>29</v>
      </c>
      <c r="I102" s="3" t="s">
        <v>50</v>
      </c>
      <c r="J102" s="3" t="s">
        <v>461</v>
      </c>
      <c r="K102" s="3" t="s">
        <v>32</v>
      </c>
      <c r="L102" s="3" t="s">
        <v>33</v>
      </c>
      <c r="M102" s="3" t="s">
        <v>34</v>
      </c>
      <c r="N102" s="3" t="s">
        <v>117</v>
      </c>
      <c r="O102" s="3" t="s">
        <v>53</v>
      </c>
      <c r="P102" s="3" t="s">
        <v>54</v>
      </c>
      <c r="Q102" s="3" t="s">
        <v>37</v>
      </c>
      <c r="R102" s="3" t="s">
        <v>38</v>
      </c>
      <c r="S102" s="3" t="s">
        <v>462</v>
      </c>
      <c r="T102" s="3" t="s">
        <v>37</v>
      </c>
      <c r="U102" s="3" t="s">
        <v>37</v>
      </c>
      <c r="V102" s="3" t="s">
        <v>37</v>
      </c>
    </row>
    <row r="103" spans="1:22" x14ac:dyDescent="0.25">
      <c r="A103" s="3" t="s">
        <v>22</v>
      </c>
      <c r="B103" s="4" t="s">
        <v>394</v>
      </c>
      <c r="C103" s="3" t="s">
        <v>395</v>
      </c>
      <c r="D103" s="5" t="s">
        <v>124</v>
      </c>
      <c r="E103" s="3" t="s">
        <v>125</v>
      </c>
      <c r="F103" s="3" t="s">
        <v>322</v>
      </c>
      <c r="G103" s="3" t="s">
        <v>48</v>
      </c>
      <c r="H103" s="3" t="s">
        <v>49</v>
      </c>
      <c r="I103" s="3" t="s">
        <v>37</v>
      </c>
      <c r="J103" s="3" t="s">
        <v>323</v>
      </c>
      <c r="K103" s="3" t="s">
        <v>32</v>
      </c>
      <c r="L103" s="3" t="s">
        <v>33</v>
      </c>
      <c r="M103" s="3" t="s">
        <v>67</v>
      </c>
      <c r="N103" s="3" t="s">
        <v>74</v>
      </c>
      <c r="O103" s="3" t="s">
        <v>36</v>
      </c>
      <c r="P103" s="3" t="s">
        <v>37</v>
      </c>
      <c r="Q103" s="3" t="s">
        <v>37</v>
      </c>
      <c r="R103" s="3" t="s">
        <v>38</v>
      </c>
      <c r="S103" s="3" t="s">
        <v>324</v>
      </c>
      <c r="T103" s="3" t="s">
        <v>37</v>
      </c>
      <c r="U103" s="3" t="s">
        <v>37</v>
      </c>
      <c r="V103" s="3" t="s">
        <v>37</v>
      </c>
    </row>
    <row r="104" spans="1:22" x14ac:dyDescent="0.25">
      <c r="A104" s="3" t="s">
        <v>22</v>
      </c>
      <c r="B104" s="4" t="s">
        <v>394</v>
      </c>
      <c r="C104" s="3" t="s">
        <v>395</v>
      </c>
      <c r="D104" s="5" t="s">
        <v>130</v>
      </c>
      <c r="E104" s="3" t="s">
        <v>125</v>
      </c>
      <c r="F104" s="3" t="s">
        <v>463</v>
      </c>
      <c r="G104" s="3" t="s">
        <v>147</v>
      </c>
      <c r="H104" s="3" t="s">
        <v>49</v>
      </c>
      <c r="I104" s="3" t="s">
        <v>37</v>
      </c>
      <c r="J104" s="3" t="s">
        <v>464</v>
      </c>
      <c r="K104" s="3" t="s">
        <v>32</v>
      </c>
      <c r="L104" s="3" t="s">
        <v>33</v>
      </c>
      <c r="M104" s="3" t="s">
        <v>67</v>
      </c>
      <c r="N104" s="3" t="s">
        <v>74</v>
      </c>
      <c r="O104" s="3" t="s">
        <v>270</v>
      </c>
      <c r="P104" s="3" t="s">
        <v>37</v>
      </c>
      <c r="Q104" s="3" t="s">
        <v>37</v>
      </c>
      <c r="R104" s="3" t="s">
        <v>38</v>
      </c>
      <c r="S104" s="3" t="s">
        <v>465</v>
      </c>
      <c r="T104" s="3" t="s">
        <v>37</v>
      </c>
      <c r="U104" s="3" t="s">
        <v>37</v>
      </c>
      <c r="V104" s="3" t="s">
        <v>37</v>
      </c>
    </row>
    <row r="105" spans="1:22" x14ac:dyDescent="0.25">
      <c r="A105" s="3" t="s">
        <v>22</v>
      </c>
      <c r="B105" s="4" t="s">
        <v>394</v>
      </c>
      <c r="C105" s="3" t="s">
        <v>395</v>
      </c>
      <c r="D105" s="5" t="s">
        <v>135</v>
      </c>
      <c r="E105" s="3" t="s">
        <v>125</v>
      </c>
      <c r="F105" s="3" t="s">
        <v>466</v>
      </c>
      <c r="G105" s="3" t="s">
        <v>58</v>
      </c>
      <c r="H105" s="3" t="s">
        <v>49</v>
      </c>
      <c r="I105" s="3" t="s">
        <v>37</v>
      </c>
      <c r="J105" s="3" t="s">
        <v>467</v>
      </c>
      <c r="K105" s="3" t="s">
        <v>32</v>
      </c>
      <c r="L105" s="3" t="s">
        <v>33</v>
      </c>
      <c r="M105" s="3" t="s">
        <v>67</v>
      </c>
      <c r="N105" s="3" t="s">
        <v>74</v>
      </c>
      <c r="O105" s="3" t="s">
        <v>53</v>
      </c>
      <c r="P105" s="3" t="s">
        <v>37</v>
      </c>
      <c r="Q105" s="3" t="s">
        <v>37</v>
      </c>
      <c r="R105" s="3" t="s">
        <v>38</v>
      </c>
      <c r="S105" s="3" t="s">
        <v>468</v>
      </c>
      <c r="T105" s="3" t="s">
        <v>37</v>
      </c>
      <c r="U105" s="3" t="s">
        <v>37</v>
      </c>
      <c r="V105" s="3" t="s">
        <v>37</v>
      </c>
    </row>
    <row r="106" spans="1:22" x14ac:dyDescent="0.25">
      <c r="A106" s="3" t="s">
        <v>22</v>
      </c>
      <c r="B106" s="4" t="s">
        <v>394</v>
      </c>
      <c r="C106" s="3" t="s">
        <v>395</v>
      </c>
      <c r="D106" s="5" t="s">
        <v>145</v>
      </c>
      <c r="E106" s="3" t="s">
        <v>46</v>
      </c>
      <c r="F106" s="3" t="s">
        <v>469</v>
      </c>
      <c r="G106" s="3" t="s">
        <v>470</v>
      </c>
      <c r="H106" s="3" t="s">
        <v>29</v>
      </c>
      <c r="I106" s="3" t="s">
        <v>50</v>
      </c>
      <c r="J106" s="3" t="s">
        <v>471</v>
      </c>
      <c r="K106" s="3" t="s">
        <v>32</v>
      </c>
      <c r="L106" s="3" t="s">
        <v>33</v>
      </c>
      <c r="M106" s="3" t="s">
        <v>34</v>
      </c>
      <c r="N106" s="3" t="s">
        <v>117</v>
      </c>
      <c r="O106" s="3" t="s">
        <v>53</v>
      </c>
      <c r="P106" s="3" t="s">
        <v>54</v>
      </c>
      <c r="Q106" s="3" t="s">
        <v>37</v>
      </c>
      <c r="R106" s="3" t="s">
        <v>38</v>
      </c>
      <c r="S106" s="3" t="s">
        <v>472</v>
      </c>
      <c r="T106" s="3" t="s">
        <v>37</v>
      </c>
      <c r="U106" s="3" t="s">
        <v>37</v>
      </c>
      <c r="V106" s="3" t="s">
        <v>37</v>
      </c>
    </row>
    <row r="107" spans="1:22" x14ac:dyDescent="0.25">
      <c r="A107" s="3" t="s">
        <v>22</v>
      </c>
      <c r="B107" s="4" t="s">
        <v>394</v>
      </c>
      <c r="C107" s="3" t="s">
        <v>395</v>
      </c>
      <c r="D107" s="5" t="s">
        <v>473</v>
      </c>
      <c r="E107" s="3" t="s">
        <v>46</v>
      </c>
      <c r="F107" s="3" t="s">
        <v>474</v>
      </c>
      <c r="G107" s="3" t="s">
        <v>475</v>
      </c>
      <c r="H107" s="3" t="s">
        <v>29</v>
      </c>
      <c r="I107" s="3" t="s">
        <v>50</v>
      </c>
      <c r="J107" s="3" t="s">
        <v>476</v>
      </c>
      <c r="K107" s="3" t="s">
        <v>32</v>
      </c>
      <c r="L107" s="3" t="s">
        <v>33</v>
      </c>
      <c r="M107" s="3" t="s">
        <v>34</v>
      </c>
      <c r="N107" s="3" t="s">
        <v>117</v>
      </c>
      <c r="O107" s="3" t="s">
        <v>53</v>
      </c>
      <c r="P107" s="3" t="s">
        <v>54</v>
      </c>
      <c r="Q107" s="3" t="s">
        <v>37</v>
      </c>
      <c r="R107" s="3" t="s">
        <v>38</v>
      </c>
      <c r="S107" s="3" t="s">
        <v>477</v>
      </c>
      <c r="T107" s="3" t="s">
        <v>37</v>
      </c>
      <c r="U107" s="3" t="s">
        <v>37</v>
      </c>
      <c r="V107" s="3" t="s">
        <v>37</v>
      </c>
    </row>
    <row r="108" spans="1:22" x14ac:dyDescent="0.25">
      <c r="A108" s="3" t="s">
        <v>22</v>
      </c>
      <c r="B108" s="4" t="s">
        <v>394</v>
      </c>
      <c r="C108" s="3" t="s">
        <v>395</v>
      </c>
      <c r="D108" s="5" t="s">
        <v>478</v>
      </c>
      <c r="E108" s="3" t="s">
        <v>46</v>
      </c>
      <c r="F108" s="3" t="s">
        <v>479</v>
      </c>
      <c r="G108" s="3" t="s">
        <v>480</v>
      </c>
      <c r="H108" s="3" t="s">
        <v>29</v>
      </c>
      <c r="I108" s="3" t="s">
        <v>50</v>
      </c>
      <c r="J108" s="3" t="s">
        <v>481</v>
      </c>
      <c r="K108" s="3" t="s">
        <v>32</v>
      </c>
      <c r="L108" s="3" t="s">
        <v>33</v>
      </c>
      <c r="M108" s="3" t="s">
        <v>34</v>
      </c>
      <c r="N108" s="3" t="s">
        <v>117</v>
      </c>
      <c r="O108" s="3" t="s">
        <v>53</v>
      </c>
      <c r="P108" s="3" t="s">
        <v>54</v>
      </c>
      <c r="Q108" s="3" t="s">
        <v>37</v>
      </c>
      <c r="R108" s="3" t="s">
        <v>38</v>
      </c>
      <c r="S108" s="3" t="s">
        <v>482</v>
      </c>
      <c r="T108" s="3" t="s">
        <v>37</v>
      </c>
      <c r="U108" s="3" t="s">
        <v>37</v>
      </c>
      <c r="V108" s="3" t="s">
        <v>37</v>
      </c>
    </row>
    <row r="109" spans="1:22" x14ac:dyDescent="0.25">
      <c r="A109" s="3" t="s">
        <v>22</v>
      </c>
      <c r="B109" s="4" t="s">
        <v>394</v>
      </c>
      <c r="C109" s="3" t="s">
        <v>395</v>
      </c>
      <c r="D109" s="5" t="s">
        <v>164</v>
      </c>
      <c r="E109" s="3" t="s">
        <v>483</v>
      </c>
      <c r="F109" s="3" t="s">
        <v>484</v>
      </c>
      <c r="G109" s="3" t="s">
        <v>204</v>
      </c>
      <c r="H109" s="3" t="s">
        <v>65</v>
      </c>
      <c r="I109" s="3" t="s">
        <v>485</v>
      </c>
      <c r="J109" s="3" t="s">
        <v>486</v>
      </c>
      <c r="K109" s="3" t="s">
        <v>32</v>
      </c>
      <c r="L109" s="3" t="s">
        <v>33</v>
      </c>
      <c r="M109" s="3" t="s">
        <v>67</v>
      </c>
      <c r="N109" s="3" t="s">
        <v>142</v>
      </c>
      <c r="O109" s="3" t="s">
        <v>53</v>
      </c>
      <c r="P109" s="3" t="s">
        <v>37</v>
      </c>
      <c r="Q109" s="3" t="s">
        <v>37</v>
      </c>
      <c r="R109" s="3" t="s">
        <v>38</v>
      </c>
      <c r="S109" s="3" t="s">
        <v>487</v>
      </c>
      <c r="T109" s="3" t="s">
        <v>37</v>
      </c>
      <c r="U109" s="3" t="s">
        <v>37</v>
      </c>
      <c r="V109" s="3" t="s">
        <v>37</v>
      </c>
    </row>
    <row r="110" spans="1:22" x14ac:dyDescent="0.25">
      <c r="A110" s="3" t="s">
        <v>22</v>
      </c>
      <c r="B110" s="4" t="s">
        <v>394</v>
      </c>
      <c r="C110" s="3" t="s">
        <v>395</v>
      </c>
      <c r="D110" s="5" t="s">
        <v>169</v>
      </c>
      <c r="E110" s="3" t="s">
        <v>483</v>
      </c>
      <c r="F110" s="3" t="s">
        <v>488</v>
      </c>
      <c r="G110" s="3" t="s">
        <v>288</v>
      </c>
      <c r="H110" s="3" t="s">
        <v>29</v>
      </c>
      <c r="I110" s="3" t="s">
        <v>37</v>
      </c>
      <c r="J110" s="3" t="s">
        <v>37</v>
      </c>
      <c r="K110" s="3" t="s">
        <v>32</v>
      </c>
      <c r="L110" s="3" t="s">
        <v>33</v>
      </c>
      <c r="M110" s="3" t="s">
        <v>381</v>
      </c>
      <c r="N110" s="3" t="s">
        <v>52</v>
      </c>
      <c r="O110" s="3" t="s">
        <v>53</v>
      </c>
      <c r="P110" s="3" t="s">
        <v>37</v>
      </c>
      <c r="Q110" s="3" t="s">
        <v>37</v>
      </c>
      <c r="R110" s="3" t="s">
        <v>38</v>
      </c>
      <c r="S110" s="3" t="s">
        <v>489</v>
      </c>
      <c r="T110" s="3" t="s">
        <v>37</v>
      </c>
      <c r="U110" s="3" t="s">
        <v>37</v>
      </c>
      <c r="V110" s="3" t="s">
        <v>37</v>
      </c>
    </row>
    <row r="111" spans="1:22" x14ac:dyDescent="0.25">
      <c r="A111" s="3" t="s">
        <v>22</v>
      </c>
      <c r="B111" s="4" t="s">
        <v>394</v>
      </c>
      <c r="C111" s="3" t="s">
        <v>395</v>
      </c>
      <c r="D111" s="5" t="s">
        <v>174</v>
      </c>
      <c r="E111" s="3" t="s">
        <v>46</v>
      </c>
      <c r="F111" s="3" t="s">
        <v>490</v>
      </c>
      <c r="G111" s="3" t="s">
        <v>491</v>
      </c>
      <c r="H111" s="3" t="s">
        <v>65</v>
      </c>
      <c r="I111" s="3" t="s">
        <v>50</v>
      </c>
      <c r="J111" s="3" t="s">
        <v>492</v>
      </c>
      <c r="K111" s="3" t="s">
        <v>32</v>
      </c>
      <c r="L111" s="3" t="s">
        <v>33</v>
      </c>
      <c r="M111" s="3" t="s">
        <v>34</v>
      </c>
      <c r="N111" s="3" t="s">
        <v>35</v>
      </c>
      <c r="O111" s="3" t="s">
        <v>53</v>
      </c>
      <c r="P111" s="3" t="s">
        <v>54</v>
      </c>
      <c r="Q111" s="3" t="s">
        <v>85</v>
      </c>
      <c r="R111" s="3" t="s">
        <v>38</v>
      </c>
      <c r="S111" s="3" t="s">
        <v>493</v>
      </c>
      <c r="T111" s="3" t="s">
        <v>37</v>
      </c>
      <c r="U111" s="3" t="s">
        <v>37</v>
      </c>
      <c r="V111" s="3" t="s">
        <v>37</v>
      </c>
    </row>
    <row r="112" spans="1:22" x14ac:dyDescent="0.25">
      <c r="A112" s="3" t="s">
        <v>22</v>
      </c>
      <c r="B112" s="4" t="s">
        <v>394</v>
      </c>
      <c r="C112" s="3" t="s">
        <v>395</v>
      </c>
      <c r="D112" s="5" t="s">
        <v>182</v>
      </c>
      <c r="E112" s="3" t="s">
        <v>46</v>
      </c>
      <c r="F112" s="3" t="s">
        <v>494</v>
      </c>
      <c r="G112" s="3" t="s">
        <v>495</v>
      </c>
      <c r="H112" s="3" t="s">
        <v>65</v>
      </c>
      <c r="I112" s="3" t="s">
        <v>50</v>
      </c>
      <c r="J112" s="3" t="s">
        <v>496</v>
      </c>
      <c r="K112" s="3" t="s">
        <v>32</v>
      </c>
      <c r="L112" s="3" t="s">
        <v>33</v>
      </c>
      <c r="M112" s="3" t="s">
        <v>34</v>
      </c>
      <c r="N112" s="3" t="s">
        <v>35</v>
      </c>
      <c r="O112" s="3" t="s">
        <v>53</v>
      </c>
      <c r="P112" s="3" t="s">
        <v>54</v>
      </c>
      <c r="Q112" s="3" t="s">
        <v>85</v>
      </c>
      <c r="R112" s="3" t="s">
        <v>38</v>
      </c>
      <c r="S112" s="3" t="s">
        <v>497</v>
      </c>
      <c r="T112" s="3" t="s">
        <v>37</v>
      </c>
      <c r="U112" s="3" t="s">
        <v>37</v>
      </c>
      <c r="V112" s="3" t="s">
        <v>37</v>
      </c>
    </row>
    <row r="113" spans="1:22" x14ac:dyDescent="0.25">
      <c r="A113" s="3" t="s">
        <v>22</v>
      </c>
      <c r="B113" s="4" t="s">
        <v>394</v>
      </c>
      <c r="C113" s="3" t="s">
        <v>395</v>
      </c>
      <c r="D113" s="5" t="s">
        <v>187</v>
      </c>
      <c r="E113" s="3" t="s">
        <v>46</v>
      </c>
      <c r="F113" s="3" t="s">
        <v>165</v>
      </c>
      <c r="G113" s="3" t="s">
        <v>166</v>
      </c>
      <c r="H113" s="3" t="s">
        <v>29</v>
      </c>
      <c r="I113" s="3" t="s">
        <v>50</v>
      </c>
      <c r="J113" s="3" t="s">
        <v>167</v>
      </c>
      <c r="K113" s="3" t="s">
        <v>32</v>
      </c>
      <c r="L113" s="3" t="s">
        <v>37</v>
      </c>
      <c r="M113" s="3" t="s">
        <v>34</v>
      </c>
      <c r="N113" s="3" t="s">
        <v>117</v>
      </c>
      <c r="O113" s="3" t="s">
        <v>53</v>
      </c>
      <c r="P113" s="3" t="s">
        <v>54</v>
      </c>
      <c r="Q113" s="3" t="s">
        <v>37</v>
      </c>
      <c r="R113" s="3" t="s">
        <v>38</v>
      </c>
      <c r="S113" s="3" t="s">
        <v>168</v>
      </c>
      <c r="T113" s="3" t="s">
        <v>37</v>
      </c>
      <c r="U113" s="3" t="s">
        <v>37</v>
      </c>
      <c r="V113" s="3" t="s">
        <v>37</v>
      </c>
    </row>
    <row r="114" spans="1:22" x14ac:dyDescent="0.25">
      <c r="A114" s="3" t="s">
        <v>22</v>
      </c>
      <c r="B114" s="4" t="s">
        <v>394</v>
      </c>
      <c r="C114" s="3" t="s">
        <v>395</v>
      </c>
      <c r="D114" s="5" t="s">
        <v>192</v>
      </c>
      <c r="E114" s="3" t="s">
        <v>70</v>
      </c>
      <c r="F114" s="3" t="s">
        <v>77</v>
      </c>
      <c r="G114" s="3" t="s">
        <v>78</v>
      </c>
      <c r="H114" s="3" t="s">
        <v>49</v>
      </c>
      <c r="I114" s="3" t="s">
        <v>37</v>
      </c>
      <c r="J114" s="3" t="s">
        <v>79</v>
      </c>
      <c r="K114" s="3" t="s">
        <v>32</v>
      </c>
      <c r="L114" s="3" t="s">
        <v>33</v>
      </c>
      <c r="M114" s="3" t="s">
        <v>67</v>
      </c>
      <c r="N114" s="3" t="s">
        <v>74</v>
      </c>
      <c r="O114" s="3" t="s">
        <v>53</v>
      </c>
      <c r="P114" s="3" t="s">
        <v>54</v>
      </c>
      <c r="Q114" s="3" t="s">
        <v>37</v>
      </c>
      <c r="R114" s="3" t="s">
        <v>38</v>
      </c>
      <c r="S114" s="3" t="s">
        <v>80</v>
      </c>
      <c r="T114" s="3" t="s">
        <v>37</v>
      </c>
      <c r="U114" s="3" t="s">
        <v>37</v>
      </c>
      <c r="V114" s="3" t="s">
        <v>37</v>
      </c>
    </row>
    <row r="115" spans="1:22" x14ac:dyDescent="0.25">
      <c r="A115" s="3" t="s">
        <v>22</v>
      </c>
      <c r="B115" s="4" t="s">
        <v>394</v>
      </c>
      <c r="C115" s="3" t="s">
        <v>395</v>
      </c>
      <c r="D115" s="5" t="s">
        <v>197</v>
      </c>
      <c r="E115" s="3" t="s">
        <v>70</v>
      </c>
      <c r="F115" s="3" t="s">
        <v>335</v>
      </c>
      <c r="G115" s="3" t="s">
        <v>336</v>
      </c>
      <c r="H115" s="3" t="s">
        <v>49</v>
      </c>
      <c r="I115" s="3" t="s">
        <v>37</v>
      </c>
      <c r="J115" s="3" t="s">
        <v>337</v>
      </c>
      <c r="K115" s="3" t="s">
        <v>32</v>
      </c>
      <c r="L115" s="3" t="s">
        <v>33</v>
      </c>
      <c r="M115" s="3" t="s">
        <v>67</v>
      </c>
      <c r="N115" s="3" t="s">
        <v>74</v>
      </c>
      <c r="O115" s="3" t="s">
        <v>53</v>
      </c>
      <c r="P115" s="3" t="s">
        <v>54</v>
      </c>
      <c r="Q115" s="3" t="s">
        <v>37</v>
      </c>
      <c r="R115" s="3" t="s">
        <v>38</v>
      </c>
      <c r="S115" s="3" t="s">
        <v>338</v>
      </c>
      <c r="T115" s="3" t="s">
        <v>37</v>
      </c>
      <c r="U115" s="3" t="s">
        <v>37</v>
      </c>
      <c r="V115" s="3" t="s">
        <v>37</v>
      </c>
    </row>
    <row r="116" spans="1:22" x14ac:dyDescent="0.25">
      <c r="A116" s="3" t="s">
        <v>22</v>
      </c>
      <c r="B116" s="4" t="s">
        <v>394</v>
      </c>
      <c r="C116" s="3" t="s">
        <v>395</v>
      </c>
      <c r="D116" s="5" t="s">
        <v>498</v>
      </c>
      <c r="E116" s="3" t="s">
        <v>499</v>
      </c>
      <c r="F116" s="3" t="s">
        <v>500</v>
      </c>
      <c r="G116" s="3" t="s">
        <v>501</v>
      </c>
      <c r="H116" s="3" t="s">
        <v>29</v>
      </c>
      <c r="I116" s="3" t="s">
        <v>502</v>
      </c>
      <c r="J116" s="3" t="s">
        <v>503</v>
      </c>
      <c r="K116" s="3" t="s">
        <v>32</v>
      </c>
      <c r="L116" s="3" t="s">
        <v>37</v>
      </c>
      <c r="M116" s="3" t="s">
        <v>34</v>
      </c>
      <c r="N116" s="3" t="s">
        <v>142</v>
      </c>
      <c r="O116" s="3" t="s">
        <v>179</v>
      </c>
      <c r="P116" s="3" t="s">
        <v>37</v>
      </c>
      <c r="Q116" s="3" t="s">
        <v>37</v>
      </c>
      <c r="R116" s="3" t="s">
        <v>38</v>
      </c>
      <c r="S116" s="3" t="s">
        <v>504</v>
      </c>
      <c r="T116" s="3" t="s">
        <v>37</v>
      </c>
      <c r="U116" s="3" t="s">
        <v>37</v>
      </c>
      <c r="V116" s="3" t="s">
        <v>37</v>
      </c>
    </row>
    <row r="117" spans="1:22" x14ac:dyDescent="0.25">
      <c r="A117" s="3" t="s">
        <v>22</v>
      </c>
      <c r="B117" s="4" t="s">
        <v>394</v>
      </c>
      <c r="C117" s="3" t="s">
        <v>395</v>
      </c>
      <c r="D117" s="5" t="s">
        <v>505</v>
      </c>
      <c r="E117" s="3" t="s">
        <v>499</v>
      </c>
      <c r="F117" s="3" t="s">
        <v>506</v>
      </c>
      <c r="G117" s="3" t="s">
        <v>507</v>
      </c>
      <c r="H117" s="3" t="s">
        <v>29</v>
      </c>
      <c r="I117" s="3" t="s">
        <v>502</v>
      </c>
      <c r="J117" s="3" t="s">
        <v>508</v>
      </c>
      <c r="K117" s="3" t="s">
        <v>32</v>
      </c>
      <c r="L117" s="3" t="s">
        <v>37</v>
      </c>
      <c r="M117" s="3" t="s">
        <v>34</v>
      </c>
      <c r="N117" s="3" t="s">
        <v>142</v>
      </c>
      <c r="O117" s="3" t="s">
        <v>179</v>
      </c>
      <c r="P117" s="3" t="s">
        <v>37</v>
      </c>
      <c r="Q117" s="3" t="s">
        <v>37</v>
      </c>
      <c r="R117" s="3" t="s">
        <v>38</v>
      </c>
      <c r="S117" s="3" t="s">
        <v>509</v>
      </c>
      <c r="T117" s="3" t="s">
        <v>37</v>
      </c>
      <c r="U117" s="3" t="s">
        <v>37</v>
      </c>
      <c r="V117" s="3" t="s">
        <v>37</v>
      </c>
    </row>
    <row r="118" spans="1:22" x14ac:dyDescent="0.25">
      <c r="A118" s="3" t="s">
        <v>22</v>
      </c>
      <c r="B118" s="4" t="s">
        <v>394</v>
      </c>
      <c r="C118" s="3" t="s">
        <v>395</v>
      </c>
      <c r="D118" s="5" t="s">
        <v>212</v>
      </c>
      <c r="E118" s="3" t="s">
        <v>510</v>
      </c>
      <c r="F118" s="3" t="s">
        <v>511</v>
      </c>
      <c r="G118" s="3" t="s">
        <v>248</v>
      </c>
      <c r="H118" s="3" t="s">
        <v>29</v>
      </c>
      <c r="I118" s="3" t="s">
        <v>512</v>
      </c>
      <c r="J118" s="3" t="s">
        <v>513</v>
      </c>
      <c r="K118" s="3" t="s">
        <v>32</v>
      </c>
      <c r="L118" s="3" t="s">
        <v>110</v>
      </c>
      <c r="M118" s="3" t="s">
        <v>67</v>
      </c>
      <c r="N118" s="3" t="s">
        <v>117</v>
      </c>
      <c r="O118" s="3" t="s">
        <v>36</v>
      </c>
      <c r="P118" s="3" t="s">
        <v>37</v>
      </c>
      <c r="Q118" s="3" t="s">
        <v>37</v>
      </c>
      <c r="R118" s="3" t="s">
        <v>38</v>
      </c>
      <c r="S118" s="3" t="s">
        <v>514</v>
      </c>
      <c r="T118" s="3" t="s">
        <v>37</v>
      </c>
      <c r="U118" s="3" t="s">
        <v>37</v>
      </c>
      <c r="V118" s="3" t="s">
        <v>37</v>
      </c>
    </row>
    <row r="119" spans="1:22" x14ac:dyDescent="0.25">
      <c r="A119" s="3" t="s">
        <v>22</v>
      </c>
      <c r="B119" s="4" t="s">
        <v>394</v>
      </c>
      <c r="C119" s="3" t="s">
        <v>395</v>
      </c>
      <c r="D119" s="5" t="s">
        <v>217</v>
      </c>
      <c r="E119" s="3" t="s">
        <v>510</v>
      </c>
      <c r="F119" s="3" t="s">
        <v>515</v>
      </c>
      <c r="G119" s="3" t="s">
        <v>516</v>
      </c>
      <c r="H119" s="3" t="s">
        <v>29</v>
      </c>
      <c r="I119" s="3" t="s">
        <v>517</v>
      </c>
      <c r="J119" s="3" t="s">
        <v>518</v>
      </c>
      <c r="K119" s="3" t="s">
        <v>32</v>
      </c>
      <c r="L119" s="3" t="s">
        <v>110</v>
      </c>
      <c r="M119" s="3" t="s">
        <v>67</v>
      </c>
      <c r="N119" s="3" t="s">
        <v>117</v>
      </c>
      <c r="O119" s="3" t="s">
        <v>36</v>
      </c>
      <c r="P119" s="3" t="s">
        <v>37</v>
      </c>
      <c r="Q119" s="3" t="s">
        <v>37</v>
      </c>
      <c r="R119" s="3" t="s">
        <v>38</v>
      </c>
      <c r="S119" s="3" t="s">
        <v>519</v>
      </c>
      <c r="T119" s="3" t="s">
        <v>37</v>
      </c>
      <c r="U119" s="3" t="s">
        <v>37</v>
      </c>
      <c r="V119" s="3" t="s">
        <v>37</v>
      </c>
    </row>
    <row r="120" spans="1:22" x14ac:dyDescent="0.25">
      <c r="A120" s="3" t="s">
        <v>22</v>
      </c>
      <c r="B120" s="4" t="s">
        <v>394</v>
      </c>
      <c r="C120" s="3" t="s">
        <v>395</v>
      </c>
      <c r="D120" s="5" t="s">
        <v>221</v>
      </c>
      <c r="E120" s="3" t="s">
        <v>183</v>
      </c>
      <c r="F120" s="3" t="s">
        <v>520</v>
      </c>
      <c r="G120" s="3" t="s">
        <v>288</v>
      </c>
      <c r="H120" s="3" t="s">
        <v>29</v>
      </c>
      <c r="I120" s="3" t="s">
        <v>37</v>
      </c>
      <c r="J120" s="3" t="s">
        <v>521</v>
      </c>
      <c r="K120" s="3" t="s">
        <v>32</v>
      </c>
      <c r="L120" s="3" t="s">
        <v>110</v>
      </c>
      <c r="M120" s="3" t="s">
        <v>67</v>
      </c>
      <c r="N120" s="3" t="s">
        <v>74</v>
      </c>
      <c r="O120" s="3" t="s">
        <v>36</v>
      </c>
      <c r="P120" s="3" t="s">
        <v>54</v>
      </c>
      <c r="Q120" s="3" t="s">
        <v>37</v>
      </c>
      <c r="R120" s="3" t="s">
        <v>38</v>
      </c>
      <c r="S120" s="3" t="s">
        <v>522</v>
      </c>
      <c r="T120" s="3" t="s">
        <v>37</v>
      </c>
      <c r="U120" s="3" t="s">
        <v>37</v>
      </c>
      <c r="V120" s="3" t="s">
        <v>37</v>
      </c>
    </row>
    <row r="121" spans="1:22" x14ac:dyDescent="0.25">
      <c r="A121" s="3" t="s">
        <v>22</v>
      </c>
      <c r="B121" s="4" t="s">
        <v>394</v>
      </c>
      <c r="C121" s="3" t="s">
        <v>395</v>
      </c>
      <c r="D121" s="5" t="s">
        <v>222</v>
      </c>
      <c r="E121" s="3" t="s">
        <v>183</v>
      </c>
      <c r="F121" s="3" t="s">
        <v>523</v>
      </c>
      <c r="G121" s="3" t="s">
        <v>524</v>
      </c>
      <c r="H121" s="3" t="s">
        <v>29</v>
      </c>
      <c r="I121" s="3" t="s">
        <v>37</v>
      </c>
      <c r="J121" s="3" t="s">
        <v>525</v>
      </c>
      <c r="K121" s="3" t="s">
        <v>32</v>
      </c>
      <c r="L121" s="3" t="s">
        <v>110</v>
      </c>
      <c r="M121" s="3" t="s">
        <v>67</v>
      </c>
      <c r="N121" s="3" t="s">
        <v>74</v>
      </c>
      <c r="O121" s="3" t="s">
        <v>36</v>
      </c>
      <c r="P121" s="3" t="s">
        <v>54</v>
      </c>
      <c r="Q121" s="3" t="s">
        <v>37</v>
      </c>
      <c r="R121" s="3" t="s">
        <v>38</v>
      </c>
      <c r="S121" s="3" t="s">
        <v>526</v>
      </c>
      <c r="T121" s="3" t="s">
        <v>37</v>
      </c>
      <c r="U121" s="3" t="s">
        <v>37</v>
      </c>
      <c r="V121" s="3" t="s">
        <v>37</v>
      </c>
    </row>
    <row r="122" spans="1:22" x14ac:dyDescent="0.25">
      <c r="A122" s="3" t="s">
        <v>22</v>
      </c>
      <c r="B122" s="4" t="s">
        <v>394</v>
      </c>
      <c r="C122" s="3" t="s">
        <v>395</v>
      </c>
      <c r="D122" s="5" t="s">
        <v>226</v>
      </c>
      <c r="E122" s="3" t="s">
        <v>527</v>
      </c>
      <c r="F122" s="3" t="s">
        <v>528</v>
      </c>
      <c r="G122" s="3" t="s">
        <v>529</v>
      </c>
      <c r="H122" s="3" t="s">
        <v>29</v>
      </c>
      <c r="I122" s="3" t="s">
        <v>530</v>
      </c>
      <c r="J122" s="3" t="s">
        <v>531</v>
      </c>
      <c r="K122" s="3" t="s">
        <v>32</v>
      </c>
      <c r="L122" s="3" t="s">
        <v>110</v>
      </c>
      <c r="M122" s="3" t="s">
        <v>532</v>
      </c>
      <c r="N122" s="3" t="s">
        <v>533</v>
      </c>
      <c r="O122" s="3" t="s">
        <v>534</v>
      </c>
      <c r="P122" s="3" t="s">
        <v>54</v>
      </c>
      <c r="Q122" s="3" t="s">
        <v>85</v>
      </c>
      <c r="R122" s="3" t="s">
        <v>38</v>
      </c>
      <c r="S122" s="3" t="s">
        <v>535</v>
      </c>
      <c r="T122" s="3" t="s">
        <v>37</v>
      </c>
      <c r="U122" s="3" t="s">
        <v>37</v>
      </c>
      <c r="V122" s="3" t="s">
        <v>37</v>
      </c>
    </row>
    <row r="123" spans="1:22" x14ac:dyDescent="0.25">
      <c r="A123" s="3"/>
      <c r="B123" s="4"/>
      <c r="C123" s="3"/>
      <c r="D123" s="5"/>
      <c r="E123" s="6" t="s">
        <v>236</v>
      </c>
      <c r="F123" s="3"/>
      <c r="G123" s="3"/>
      <c r="H123" s="3"/>
      <c r="I123" s="3"/>
      <c r="J123" s="3"/>
      <c r="K123" s="3"/>
      <c r="L123" s="3"/>
      <c r="M123" s="3"/>
      <c r="N123" s="3"/>
      <c r="O123" s="3"/>
      <c r="P123" s="3"/>
      <c r="Q123" s="3"/>
      <c r="R123" s="3"/>
      <c r="S123" s="3"/>
      <c r="T123" s="3"/>
      <c r="U123" s="3"/>
      <c r="V123" s="3"/>
    </row>
    <row r="124" spans="1:22" x14ac:dyDescent="0.25">
      <c r="A124" s="3"/>
      <c r="B124" s="4"/>
      <c r="C124" s="3"/>
      <c r="D124" s="5"/>
      <c r="E124" s="3"/>
      <c r="F124" s="3"/>
      <c r="G124" s="3"/>
      <c r="H124" s="3"/>
      <c r="I124" s="3"/>
      <c r="J124" s="3"/>
      <c r="K124" s="3"/>
      <c r="L124" s="3"/>
      <c r="M124" s="3"/>
      <c r="N124" s="3"/>
      <c r="O124" s="3"/>
      <c r="P124" s="3"/>
      <c r="Q124" s="3"/>
      <c r="R124" s="3"/>
      <c r="S124" s="3"/>
      <c r="T124" s="3"/>
      <c r="U124" s="3"/>
      <c r="V124" s="3"/>
    </row>
    <row r="125" spans="1:22" x14ac:dyDescent="0.25">
      <c r="A125" s="3" t="s">
        <v>22</v>
      </c>
      <c r="B125" s="4" t="s">
        <v>536</v>
      </c>
      <c r="C125" s="3" t="s">
        <v>537</v>
      </c>
      <c r="D125" s="5" t="s">
        <v>25</v>
      </c>
      <c r="E125" s="3" t="s">
        <v>396</v>
      </c>
      <c r="F125" s="3" t="s">
        <v>538</v>
      </c>
      <c r="G125" s="3" t="s">
        <v>420</v>
      </c>
      <c r="H125" s="3" t="s">
        <v>65</v>
      </c>
      <c r="I125" s="3" t="s">
        <v>539</v>
      </c>
      <c r="J125" s="3" t="s">
        <v>540</v>
      </c>
      <c r="K125" s="3" t="s">
        <v>32</v>
      </c>
      <c r="L125" s="3" t="s">
        <v>33</v>
      </c>
      <c r="M125" s="3" t="s">
        <v>67</v>
      </c>
      <c r="N125" s="3" t="s">
        <v>142</v>
      </c>
      <c r="O125" s="3" t="s">
        <v>53</v>
      </c>
      <c r="P125" s="3" t="s">
        <v>54</v>
      </c>
      <c r="Q125" s="3" t="s">
        <v>37</v>
      </c>
      <c r="R125" s="3" t="s">
        <v>38</v>
      </c>
      <c r="S125" s="3" t="s">
        <v>541</v>
      </c>
      <c r="T125" s="3" t="s">
        <v>37</v>
      </c>
      <c r="U125" s="3" t="s">
        <v>37</v>
      </c>
      <c r="V125" s="3" t="s">
        <v>37</v>
      </c>
    </row>
    <row r="126" spans="1:22" x14ac:dyDescent="0.25">
      <c r="A126" s="3" t="s">
        <v>22</v>
      </c>
      <c r="B126" s="4" t="s">
        <v>536</v>
      </c>
      <c r="C126" s="3" t="s">
        <v>537</v>
      </c>
      <c r="D126" s="5" t="s">
        <v>40</v>
      </c>
      <c r="E126" s="3" t="s">
        <v>396</v>
      </c>
      <c r="F126" s="3" t="s">
        <v>542</v>
      </c>
      <c r="G126" s="3" t="s">
        <v>64</v>
      </c>
      <c r="H126" s="3" t="s">
        <v>65</v>
      </c>
      <c r="I126" s="3" t="s">
        <v>539</v>
      </c>
      <c r="J126" s="3" t="s">
        <v>543</v>
      </c>
      <c r="K126" s="3" t="s">
        <v>32</v>
      </c>
      <c r="L126" s="3" t="s">
        <v>33</v>
      </c>
      <c r="M126" s="3" t="s">
        <v>67</v>
      </c>
      <c r="N126" s="3" t="s">
        <v>142</v>
      </c>
      <c r="O126" s="3" t="s">
        <v>53</v>
      </c>
      <c r="P126" s="3" t="s">
        <v>54</v>
      </c>
      <c r="Q126" s="3" t="s">
        <v>37</v>
      </c>
      <c r="R126" s="3" t="s">
        <v>38</v>
      </c>
      <c r="S126" s="3" t="s">
        <v>544</v>
      </c>
      <c r="T126" s="3" t="s">
        <v>37</v>
      </c>
      <c r="U126" s="3" t="s">
        <v>37</v>
      </c>
      <c r="V126" s="3" t="s">
        <v>37</v>
      </c>
    </row>
    <row r="127" spans="1:22" x14ac:dyDescent="0.25">
      <c r="A127" s="3" t="s">
        <v>22</v>
      </c>
      <c r="B127" s="4" t="s">
        <v>536</v>
      </c>
      <c r="C127" s="3" t="s">
        <v>537</v>
      </c>
      <c r="D127" s="5" t="s">
        <v>45</v>
      </c>
      <c r="E127" s="3" t="s">
        <v>46</v>
      </c>
      <c r="F127" s="3" t="s">
        <v>545</v>
      </c>
      <c r="G127" s="3" t="s">
        <v>546</v>
      </c>
      <c r="H127" s="3" t="s">
        <v>65</v>
      </c>
      <c r="I127" s="3" t="s">
        <v>50</v>
      </c>
      <c r="J127" s="3" t="s">
        <v>547</v>
      </c>
      <c r="K127" s="3" t="s">
        <v>32</v>
      </c>
      <c r="L127" s="3" t="s">
        <v>33</v>
      </c>
      <c r="M127" s="3" t="s">
        <v>34</v>
      </c>
      <c r="N127" s="3" t="s">
        <v>35</v>
      </c>
      <c r="O127" s="3" t="s">
        <v>53</v>
      </c>
      <c r="P127" s="3" t="s">
        <v>54</v>
      </c>
      <c r="Q127" s="3" t="s">
        <v>85</v>
      </c>
      <c r="R127" s="3" t="s">
        <v>38</v>
      </c>
      <c r="S127" s="3" t="s">
        <v>548</v>
      </c>
      <c r="T127" s="3" t="s">
        <v>37</v>
      </c>
      <c r="U127" s="3" t="s">
        <v>37</v>
      </c>
      <c r="V127" s="3" t="s">
        <v>37</v>
      </c>
    </row>
    <row r="128" spans="1:22" x14ac:dyDescent="0.25">
      <c r="A128" s="3" t="s">
        <v>22</v>
      </c>
      <c r="B128" s="4" t="s">
        <v>536</v>
      </c>
      <c r="C128" s="3" t="s">
        <v>537</v>
      </c>
      <c r="D128" s="5" t="s">
        <v>56</v>
      </c>
      <c r="E128" s="3" t="s">
        <v>46</v>
      </c>
      <c r="F128" s="3" t="s">
        <v>193</v>
      </c>
      <c r="G128" s="3" t="s">
        <v>194</v>
      </c>
      <c r="H128" s="3" t="s">
        <v>65</v>
      </c>
      <c r="I128" s="3" t="s">
        <v>50</v>
      </c>
      <c r="J128" s="3" t="s">
        <v>195</v>
      </c>
      <c r="K128" s="3" t="s">
        <v>32</v>
      </c>
      <c r="L128" s="3" t="s">
        <v>33</v>
      </c>
      <c r="M128" s="3" t="s">
        <v>34</v>
      </c>
      <c r="N128" s="3" t="s">
        <v>35</v>
      </c>
      <c r="O128" s="3" t="s">
        <v>53</v>
      </c>
      <c r="P128" s="3" t="s">
        <v>54</v>
      </c>
      <c r="Q128" s="3" t="s">
        <v>85</v>
      </c>
      <c r="R128" s="3" t="s">
        <v>38</v>
      </c>
      <c r="S128" s="3" t="s">
        <v>196</v>
      </c>
      <c r="T128" s="3" t="s">
        <v>37</v>
      </c>
      <c r="U128" s="3" t="s">
        <v>37</v>
      </c>
      <c r="V128" s="3" t="s">
        <v>37</v>
      </c>
    </row>
    <row r="129" spans="1:22" x14ac:dyDescent="0.25">
      <c r="A129" s="3" t="s">
        <v>22</v>
      </c>
      <c r="B129" s="4" t="s">
        <v>536</v>
      </c>
      <c r="C129" s="3" t="s">
        <v>537</v>
      </c>
      <c r="D129" s="5" t="s">
        <v>408</v>
      </c>
      <c r="E129" s="3" t="s">
        <v>46</v>
      </c>
      <c r="F129" s="3" t="s">
        <v>198</v>
      </c>
      <c r="G129" s="3" t="s">
        <v>199</v>
      </c>
      <c r="H129" s="3" t="s">
        <v>65</v>
      </c>
      <c r="I129" s="3" t="s">
        <v>50</v>
      </c>
      <c r="J129" s="3" t="s">
        <v>200</v>
      </c>
      <c r="K129" s="3" t="s">
        <v>32</v>
      </c>
      <c r="L129" s="3" t="s">
        <v>33</v>
      </c>
      <c r="M129" s="3" t="s">
        <v>34</v>
      </c>
      <c r="N129" s="3" t="s">
        <v>35</v>
      </c>
      <c r="O129" s="3" t="s">
        <v>53</v>
      </c>
      <c r="P129" s="3" t="s">
        <v>54</v>
      </c>
      <c r="Q129" s="3" t="s">
        <v>85</v>
      </c>
      <c r="R129" s="3" t="s">
        <v>38</v>
      </c>
      <c r="S129" s="3" t="s">
        <v>201</v>
      </c>
      <c r="T129" s="3" t="s">
        <v>37</v>
      </c>
      <c r="U129" s="3" t="s">
        <v>37</v>
      </c>
      <c r="V129" s="3" t="s">
        <v>37</v>
      </c>
    </row>
    <row r="130" spans="1:22" x14ac:dyDescent="0.25">
      <c r="A130" s="3" t="s">
        <v>22</v>
      </c>
      <c r="B130" s="4" t="s">
        <v>536</v>
      </c>
      <c r="C130" s="3" t="s">
        <v>537</v>
      </c>
      <c r="D130" s="5" t="s">
        <v>413</v>
      </c>
      <c r="E130" s="3" t="s">
        <v>46</v>
      </c>
      <c r="F130" s="3" t="s">
        <v>549</v>
      </c>
      <c r="G130" s="3" t="s">
        <v>325</v>
      </c>
      <c r="H130" s="3" t="s">
        <v>65</v>
      </c>
      <c r="I130" s="3" t="s">
        <v>50</v>
      </c>
      <c r="J130" s="3" t="s">
        <v>550</v>
      </c>
      <c r="K130" s="3" t="s">
        <v>32</v>
      </c>
      <c r="L130" s="3" t="s">
        <v>33</v>
      </c>
      <c r="M130" s="3" t="s">
        <v>34</v>
      </c>
      <c r="N130" s="3" t="s">
        <v>35</v>
      </c>
      <c r="O130" s="3" t="s">
        <v>53</v>
      </c>
      <c r="P130" s="3" t="s">
        <v>54</v>
      </c>
      <c r="Q130" s="3" t="s">
        <v>85</v>
      </c>
      <c r="R130" s="3" t="s">
        <v>38</v>
      </c>
      <c r="S130" s="3" t="s">
        <v>551</v>
      </c>
      <c r="T130" s="3" t="s">
        <v>37</v>
      </c>
      <c r="U130" s="3" t="s">
        <v>37</v>
      </c>
      <c r="V130" s="3" t="s">
        <v>37</v>
      </c>
    </row>
    <row r="131" spans="1:22" x14ac:dyDescent="0.25">
      <c r="A131" s="3" t="s">
        <v>22</v>
      </c>
      <c r="B131" s="4" t="s">
        <v>536</v>
      </c>
      <c r="C131" s="3" t="s">
        <v>537</v>
      </c>
      <c r="D131" s="5" t="s">
        <v>417</v>
      </c>
      <c r="E131" s="3" t="s">
        <v>418</v>
      </c>
      <c r="F131" s="3" t="s">
        <v>552</v>
      </c>
      <c r="G131" s="3" t="s">
        <v>229</v>
      </c>
      <c r="H131" s="3" t="s">
        <v>65</v>
      </c>
      <c r="I131" s="3" t="s">
        <v>425</v>
      </c>
      <c r="J131" s="3" t="s">
        <v>553</v>
      </c>
      <c r="K131" s="3" t="s">
        <v>32</v>
      </c>
      <c r="L131" s="3" t="s">
        <v>33</v>
      </c>
      <c r="M131" s="3" t="s">
        <v>34</v>
      </c>
      <c r="N131" s="3" t="s">
        <v>142</v>
      </c>
      <c r="O131" s="3" t="s">
        <v>36</v>
      </c>
      <c r="P131" s="3" t="s">
        <v>37</v>
      </c>
      <c r="Q131" s="3" t="s">
        <v>37</v>
      </c>
      <c r="R131" s="3" t="s">
        <v>38</v>
      </c>
      <c r="S131" s="3" t="s">
        <v>554</v>
      </c>
      <c r="T131" s="3" t="s">
        <v>37</v>
      </c>
      <c r="U131" s="3" t="s">
        <v>37</v>
      </c>
      <c r="V131" s="3" t="s">
        <v>37</v>
      </c>
    </row>
    <row r="132" spans="1:22" x14ac:dyDescent="0.25">
      <c r="A132" s="3" t="s">
        <v>22</v>
      </c>
      <c r="B132" s="4" t="s">
        <v>536</v>
      </c>
      <c r="C132" s="3" t="s">
        <v>537</v>
      </c>
      <c r="D132" s="5" t="s">
        <v>81</v>
      </c>
      <c r="E132" s="3" t="s">
        <v>418</v>
      </c>
      <c r="F132" s="3" t="s">
        <v>555</v>
      </c>
      <c r="G132" s="3" t="s">
        <v>293</v>
      </c>
      <c r="H132" s="3" t="s">
        <v>65</v>
      </c>
      <c r="I132" s="3" t="s">
        <v>425</v>
      </c>
      <c r="J132" s="3" t="s">
        <v>556</v>
      </c>
      <c r="K132" s="3" t="s">
        <v>32</v>
      </c>
      <c r="L132" s="3" t="s">
        <v>33</v>
      </c>
      <c r="M132" s="3" t="s">
        <v>34</v>
      </c>
      <c r="N132" s="3" t="s">
        <v>142</v>
      </c>
      <c r="O132" s="3" t="s">
        <v>36</v>
      </c>
      <c r="P132" s="3" t="s">
        <v>37</v>
      </c>
      <c r="Q132" s="3" t="s">
        <v>37</v>
      </c>
      <c r="R132" s="3" t="s">
        <v>38</v>
      </c>
      <c r="S132" s="3" t="s">
        <v>557</v>
      </c>
      <c r="T132" s="3" t="s">
        <v>37</v>
      </c>
      <c r="U132" s="3" t="s">
        <v>37</v>
      </c>
      <c r="V132" s="3" t="s">
        <v>37</v>
      </c>
    </row>
    <row r="133" spans="1:22" x14ac:dyDescent="0.25">
      <c r="A133" s="3" t="s">
        <v>22</v>
      </c>
      <c r="B133" s="4" t="s">
        <v>536</v>
      </c>
      <c r="C133" s="3" t="s">
        <v>537</v>
      </c>
      <c r="D133" s="5" t="s">
        <v>428</v>
      </c>
      <c r="E133" s="3" t="s">
        <v>70</v>
      </c>
      <c r="F133" s="3" t="s">
        <v>335</v>
      </c>
      <c r="G133" s="3" t="s">
        <v>336</v>
      </c>
      <c r="H133" s="3" t="s">
        <v>49</v>
      </c>
      <c r="I133" s="3" t="s">
        <v>37</v>
      </c>
      <c r="J133" s="3" t="s">
        <v>337</v>
      </c>
      <c r="K133" s="3" t="s">
        <v>32</v>
      </c>
      <c r="L133" s="3" t="s">
        <v>33</v>
      </c>
      <c r="M133" s="3" t="s">
        <v>67</v>
      </c>
      <c r="N133" s="3" t="s">
        <v>74</v>
      </c>
      <c r="O133" s="3" t="s">
        <v>53</v>
      </c>
      <c r="P133" s="3" t="s">
        <v>54</v>
      </c>
      <c r="Q133" s="3" t="s">
        <v>37</v>
      </c>
      <c r="R133" s="3" t="s">
        <v>38</v>
      </c>
      <c r="S133" s="3" t="s">
        <v>338</v>
      </c>
      <c r="T133" s="3" t="s">
        <v>37</v>
      </c>
      <c r="U133" s="3" t="s">
        <v>37</v>
      </c>
      <c r="V133" s="3" t="s">
        <v>37</v>
      </c>
    </row>
    <row r="134" spans="1:22" x14ac:dyDescent="0.25">
      <c r="A134" s="3" t="s">
        <v>22</v>
      </c>
      <c r="B134" s="4" t="s">
        <v>536</v>
      </c>
      <c r="C134" s="3" t="s">
        <v>537</v>
      </c>
      <c r="D134" s="5" t="s">
        <v>291</v>
      </c>
      <c r="E134" s="3" t="s">
        <v>70</v>
      </c>
      <c r="F134" s="3" t="s">
        <v>558</v>
      </c>
      <c r="G134" s="3" t="s">
        <v>559</v>
      </c>
      <c r="H134" s="3" t="s">
        <v>49</v>
      </c>
      <c r="I134" s="3" t="s">
        <v>37</v>
      </c>
      <c r="J134" s="3" t="s">
        <v>560</v>
      </c>
      <c r="K134" s="3" t="s">
        <v>32</v>
      </c>
      <c r="L134" s="3" t="s">
        <v>33</v>
      </c>
      <c r="M134" s="3" t="s">
        <v>67</v>
      </c>
      <c r="N134" s="3" t="s">
        <v>74</v>
      </c>
      <c r="O134" s="3" t="s">
        <v>53</v>
      </c>
      <c r="P134" s="3" t="s">
        <v>54</v>
      </c>
      <c r="Q134" s="3" t="s">
        <v>37</v>
      </c>
      <c r="R134" s="3" t="s">
        <v>38</v>
      </c>
      <c r="S134" s="3" t="s">
        <v>561</v>
      </c>
      <c r="T134" s="3" t="s">
        <v>37</v>
      </c>
      <c r="U134" s="3" t="s">
        <v>37</v>
      </c>
      <c r="V134" s="3" t="s">
        <v>37</v>
      </c>
    </row>
    <row r="135" spans="1:22" x14ac:dyDescent="0.25">
      <c r="A135" s="3" t="s">
        <v>22</v>
      </c>
      <c r="B135" s="4" t="s">
        <v>536</v>
      </c>
      <c r="C135" s="3" t="s">
        <v>537</v>
      </c>
      <c r="D135" s="5" t="s">
        <v>296</v>
      </c>
      <c r="E135" s="3" t="s">
        <v>46</v>
      </c>
      <c r="F135" s="3" t="s">
        <v>114</v>
      </c>
      <c r="G135" s="3" t="s">
        <v>115</v>
      </c>
      <c r="H135" s="3" t="s">
        <v>29</v>
      </c>
      <c r="I135" s="3" t="s">
        <v>50</v>
      </c>
      <c r="J135" s="3" t="s">
        <v>116</v>
      </c>
      <c r="K135" s="3" t="s">
        <v>32</v>
      </c>
      <c r="L135" s="3" t="s">
        <v>33</v>
      </c>
      <c r="M135" s="3" t="s">
        <v>34</v>
      </c>
      <c r="N135" s="3" t="s">
        <v>117</v>
      </c>
      <c r="O135" s="3" t="s">
        <v>53</v>
      </c>
      <c r="P135" s="3" t="s">
        <v>54</v>
      </c>
      <c r="Q135" s="3" t="s">
        <v>37</v>
      </c>
      <c r="R135" s="3" t="s">
        <v>38</v>
      </c>
      <c r="S135" s="3" t="s">
        <v>118</v>
      </c>
      <c r="T135" s="3" t="s">
        <v>37</v>
      </c>
      <c r="U135" s="3" t="s">
        <v>37</v>
      </c>
      <c r="V135" s="3" t="s">
        <v>37</v>
      </c>
    </row>
    <row r="136" spans="1:22" x14ac:dyDescent="0.25">
      <c r="A136" s="3" t="s">
        <v>22</v>
      </c>
      <c r="B136" s="4" t="s">
        <v>536</v>
      </c>
      <c r="C136" s="3" t="s">
        <v>537</v>
      </c>
      <c r="D136" s="5" t="s">
        <v>300</v>
      </c>
      <c r="E136" s="3" t="s">
        <v>62</v>
      </c>
      <c r="F136" s="3" t="s">
        <v>562</v>
      </c>
      <c r="G136" s="3" t="s">
        <v>49</v>
      </c>
      <c r="H136" s="3" t="s">
        <v>65</v>
      </c>
      <c r="I136" s="3" t="s">
        <v>37</v>
      </c>
      <c r="J136" s="3" t="s">
        <v>563</v>
      </c>
      <c r="K136" s="3" t="s">
        <v>32</v>
      </c>
      <c r="L136" s="3" t="s">
        <v>33</v>
      </c>
      <c r="M136" s="3" t="s">
        <v>67</v>
      </c>
      <c r="N136" s="3" t="s">
        <v>52</v>
      </c>
      <c r="O136" s="3" t="s">
        <v>53</v>
      </c>
      <c r="P136" s="3" t="s">
        <v>54</v>
      </c>
      <c r="Q136" s="3" t="s">
        <v>37</v>
      </c>
      <c r="R136" s="3" t="s">
        <v>38</v>
      </c>
      <c r="S136" s="3" t="s">
        <v>564</v>
      </c>
      <c r="T136" s="3" t="s">
        <v>37</v>
      </c>
      <c r="U136" s="3" t="s">
        <v>37</v>
      </c>
      <c r="V136" s="3" t="s">
        <v>37</v>
      </c>
    </row>
    <row r="137" spans="1:22" x14ac:dyDescent="0.25">
      <c r="A137" s="3" t="s">
        <v>22</v>
      </c>
      <c r="B137" s="4" t="s">
        <v>536</v>
      </c>
      <c r="C137" s="3" t="s">
        <v>537</v>
      </c>
      <c r="D137" s="5" t="s">
        <v>440</v>
      </c>
      <c r="E137" s="3" t="s">
        <v>62</v>
      </c>
      <c r="F137" s="3" t="s">
        <v>565</v>
      </c>
      <c r="G137" s="3" t="s">
        <v>325</v>
      </c>
      <c r="H137" s="3" t="s">
        <v>65</v>
      </c>
      <c r="I137" s="3" t="s">
        <v>37</v>
      </c>
      <c r="J137" s="3" t="s">
        <v>566</v>
      </c>
      <c r="K137" s="3" t="s">
        <v>32</v>
      </c>
      <c r="L137" s="3" t="s">
        <v>33</v>
      </c>
      <c r="M137" s="3" t="s">
        <v>67</v>
      </c>
      <c r="N137" s="3" t="s">
        <v>52</v>
      </c>
      <c r="O137" s="3" t="s">
        <v>270</v>
      </c>
      <c r="P137" s="3" t="s">
        <v>54</v>
      </c>
      <c r="Q137" s="3" t="s">
        <v>37</v>
      </c>
      <c r="R137" s="3" t="s">
        <v>38</v>
      </c>
      <c r="S137" s="3" t="s">
        <v>567</v>
      </c>
      <c r="T137" s="3" t="s">
        <v>37</v>
      </c>
      <c r="U137" s="3" t="s">
        <v>37</v>
      </c>
      <c r="V137" s="3" t="s">
        <v>37</v>
      </c>
    </row>
    <row r="138" spans="1:22" x14ac:dyDescent="0.25">
      <c r="A138" s="3" t="s">
        <v>22</v>
      </c>
      <c r="B138" s="4" t="s">
        <v>536</v>
      </c>
      <c r="C138" s="3" t="s">
        <v>537</v>
      </c>
      <c r="D138" s="5" t="s">
        <v>304</v>
      </c>
      <c r="E138" s="3" t="s">
        <v>444</v>
      </c>
      <c r="F138" s="3" t="s">
        <v>568</v>
      </c>
      <c r="G138" s="3" t="s">
        <v>177</v>
      </c>
      <c r="H138" s="3" t="s">
        <v>29</v>
      </c>
      <c r="I138" s="3" t="s">
        <v>37</v>
      </c>
      <c r="J138" s="3" t="s">
        <v>569</v>
      </c>
      <c r="K138" s="3" t="s">
        <v>32</v>
      </c>
      <c r="L138" s="3" t="s">
        <v>33</v>
      </c>
      <c r="M138" s="3" t="s">
        <v>67</v>
      </c>
      <c r="N138" s="3" t="s">
        <v>447</v>
      </c>
      <c r="O138" s="3" t="s">
        <v>53</v>
      </c>
      <c r="P138" s="3" t="s">
        <v>37</v>
      </c>
      <c r="Q138" s="3" t="s">
        <v>37</v>
      </c>
      <c r="R138" s="3" t="s">
        <v>38</v>
      </c>
      <c r="S138" s="3" t="s">
        <v>570</v>
      </c>
      <c r="T138" s="3" t="s">
        <v>181</v>
      </c>
      <c r="U138" s="3" t="s">
        <v>37</v>
      </c>
      <c r="V138" s="3" t="s">
        <v>37</v>
      </c>
    </row>
    <row r="139" spans="1:22" x14ac:dyDescent="0.25">
      <c r="A139" s="3" t="s">
        <v>22</v>
      </c>
      <c r="B139" s="4" t="s">
        <v>536</v>
      </c>
      <c r="C139" s="3" t="s">
        <v>537</v>
      </c>
      <c r="D139" s="5" t="s">
        <v>310</v>
      </c>
      <c r="E139" s="3" t="s">
        <v>449</v>
      </c>
      <c r="F139" s="3" t="s">
        <v>571</v>
      </c>
      <c r="G139" s="3" t="s">
        <v>29</v>
      </c>
      <c r="H139" s="3" t="s">
        <v>65</v>
      </c>
      <c r="I139" s="3" t="s">
        <v>37</v>
      </c>
      <c r="J139" s="3" t="s">
        <v>572</v>
      </c>
      <c r="K139" s="3" t="s">
        <v>32</v>
      </c>
      <c r="L139" s="3" t="s">
        <v>33</v>
      </c>
      <c r="M139" s="3" t="s">
        <v>67</v>
      </c>
      <c r="N139" s="3" t="s">
        <v>52</v>
      </c>
      <c r="O139" s="3" t="s">
        <v>53</v>
      </c>
      <c r="P139" s="3" t="s">
        <v>37</v>
      </c>
      <c r="Q139" s="3" t="s">
        <v>37</v>
      </c>
      <c r="R139" s="3" t="s">
        <v>38</v>
      </c>
      <c r="S139" s="3" t="s">
        <v>573</v>
      </c>
      <c r="T139" s="3" t="s">
        <v>37</v>
      </c>
      <c r="U139" s="3" t="s">
        <v>37</v>
      </c>
      <c r="V139" s="3" t="s">
        <v>37</v>
      </c>
    </row>
    <row r="140" spans="1:22" x14ac:dyDescent="0.25">
      <c r="A140" s="3" t="s">
        <v>22</v>
      </c>
      <c r="B140" s="4" t="s">
        <v>536</v>
      </c>
      <c r="C140" s="3" t="s">
        <v>537</v>
      </c>
      <c r="D140" s="5" t="s">
        <v>453</v>
      </c>
      <c r="E140" s="3" t="s">
        <v>46</v>
      </c>
      <c r="F140" s="3" t="s">
        <v>574</v>
      </c>
      <c r="G140" s="3" t="s">
        <v>575</v>
      </c>
      <c r="H140" s="3" t="s">
        <v>29</v>
      </c>
      <c r="I140" s="3" t="s">
        <v>50</v>
      </c>
      <c r="J140" s="3" t="s">
        <v>576</v>
      </c>
      <c r="K140" s="3" t="s">
        <v>32</v>
      </c>
      <c r="L140" s="3" t="s">
        <v>33</v>
      </c>
      <c r="M140" s="3" t="s">
        <v>34</v>
      </c>
      <c r="N140" s="3" t="s">
        <v>117</v>
      </c>
      <c r="O140" s="3" t="s">
        <v>179</v>
      </c>
      <c r="P140" s="3" t="s">
        <v>54</v>
      </c>
      <c r="Q140" s="3" t="s">
        <v>37</v>
      </c>
      <c r="R140" s="3" t="s">
        <v>38</v>
      </c>
      <c r="S140" s="3" t="s">
        <v>577</v>
      </c>
      <c r="T140" s="3" t="s">
        <v>37</v>
      </c>
      <c r="U140" s="3" t="s">
        <v>37</v>
      </c>
      <c r="V140" s="3" t="s">
        <v>37</v>
      </c>
    </row>
    <row r="141" spans="1:22" x14ac:dyDescent="0.25">
      <c r="A141" s="3" t="s">
        <v>22</v>
      </c>
      <c r="B141" s="4" t="s">
        <v>536</v>
      </c>
      <c r="C141" s="3" t="s">
        <v>537</v>
      </c>
      <c r="D141" s="5" t="s">
        <v>458</v>
      </c>
      <c r="E141" s="3" t="s">
        <v>46</v>
      </c>
      <c r="F141" s="3" t="s">
        <v>578</v>
      </c>
      <c r="G141" s="3" t="s">
        <v>579</v>
      </c>
      <c r="H141" s="3" t="s">
        <v>29</v>
      </c>
      <c r="I141" s="3" t="s">
        <v>50</v>
      </c>
      <c r="J141" s="3" t="s">
        <v>580</v>
      </c>
      <c r="K141" s="3" t="s">
        <v>32</v>
      </c>
      <c r="L141" s="3" t="s">
        <v>33</v>
      </c>
      <c r="M141" s="3" t="s">
        <v>34</v>
      </c>
      <c r="N141" s="3" t="s">
        <v>117</v>
      </c>
      <c r="O141" s="3" t="s">
        <v>53</v>
      </c>
      <c r="P141" s="3" t="s">
        <v>54</v>
      </c>
      <c r="Q141" s="3" t="s">
        <v>37</v>
      </c>
      <c r="R141" s="3" t="s">
        <v>38</v>
      </c>
      <c r="S141" s="3" t="s">
        <v>581</v>
      </c>
      <c r="T141" s="3" t="s">
        <v>37</v>
      </c>
      <c r="U141" s="3" t="s">
        <v>37</v>
      </c>
      <c r="V141" s="3" t="s">
        <v>37</v>
      </c>
    </row>
    <row r="142" spans="1:22" x14ac:dyDescent="0.25">
      <c r="A142" s="3" t="s">
        <v>22</v>
      </c>
      <c r="B142" s="4" t="s">
        <v>536</v>
      </c>
      <c r="C142" s="3" t="s">
        <v>537</v>
      </c>
      <c r="D142" s="5" t="s">
        <v>124</v>
      </c>
      <c r="E142" s="3" t="s">
        <v>125</v>
      </c>
      <c r="F142" s="3" t="s">
        <v>583</v>
      </c>
      <c r="G142" s="3" t="s">
        <v>262</v>
      </c>
      <c r="H142" s="3" t="s">
        <v>49</v>
      </c>
      <c r="I142" s="3" t="s">
        <v>37</v>
      </c>
      <c r="J142" s="3" t="s">
        <v>584</v>
      </c>
      <c r="K142" s="3" t="s">
        <v>32</v>
      </c>
      <c r="L142" s="3" t="s">
        <v>33</v>
      </c>
      <c r="M142" s="3" t="s">
        <v>67</v>
      </c>
      <c r="N142" s="3" t="s">
        <v>74</v>
      </c>
      <c r="O142" s="3" t="s">
        <v>53</v>
      </c>
      <c r="P142" s="3" t="s">
        <v>37</v>
      </c>
      <c r="Q142" s="3" t="s">
        <v>37</v>
      </c>
      <c r="R142" s="3" t="s">
        <v>38</v>
      </c>
      <c r="S142" s="3" t="s">
        <v>585</v>
      </c>
      <c r="T142" s="3" t="s">
        <v>37</v>
      </c>
      <c r="U142" s="3" t="s">
        <v>37</v>
      </c>
      <c r="V142" s="3" t="s">
        <v>37</v>
      </c>
    </row>
    <row r="143" spans="1:22" x14ac:dyDescent="0.25">
      <c r="A143" s="3" t="s">
        <v>22</v>
      </c>
      <c r="B143" s="4" t="s">
        <v>536</v>
      </c>
      <c r="C143" s="3" t="s">
        <v>537</v>
      </c>
      <c r="D143" s="5" t="s">
        <v>130</v>
      </c>
      <c r="E143" s="3" t="s">
        <v>125</v>
      </c>
      <c r="F143" s="3" t="s">
        <v>126</v>
      </c>
      <c r="G143" s="3" t="s">
        <v>127</v>
      </c>
      <c r="H143" s="3" t="s">
        <v>49</v>
      </c>
      <c r="I143" s="3" t="s">
        <v>37</v>
      </c>
      <c r="J143" s="3" t="s">
        <v>128</v>
      </c>
      <c r="K143" s="3" t="s">
        <v>32</v>
      </c>
      <c r="L143" s="3" t="s">
        <v>33</v>
      </c>
      <c r="M143" s="3" t="s">
        <v>67</v>
      </c>
      <c r="N143" s="3" t="s">
        <v>74</v>
      </c>
      <c r="O143" s="3" t="s">
        <v>53</v>
      </c>
      <c r="P143" s="3" t="s">
        <v>37</v>
      </c>
      <c r="Q143" s="3" t="s">
        <v>37</v>
      </c>
      <c r="R143" s="3" t="s">
        <v>38</v>
      </c>
      <c r="S143" s="3" t="s">
        <v>129</v>
      </c>
      <c r="T143" s="3" t="s">
        <v>37</v>
      </c>
      <c r="U143" s="3" t="s">
        <v>37</v>
      </c>
      <c r="V143" s="3" t="s">
        <v>37</v>
      </c>
    </row>
    <row r="144" spans="1:22" x14ac:dyDescent="0.25">
      <c r="A144" s="3" t="s">
        <v>22</v>
      </c>
      <c r="B144" s="4" t="s">
        <v>536</v>
      </c>
      <c r="C144" s="3" t="s">
        <v>537</v>
      </c>
      <c r="D144" s="5" t="s">
        <v>135</v>
      </c>
      <c r="E144" s="3" t="s">
        <v>125</v>
      </c>
      <c r="F144" s="3" t="s">
        <v>318</v>
      </c>
      <c r="G144" s="3" t="s">
        <v>319</v>
      </c>
      <c r="H144" s="3" t="s">
        <v>49</v>
      </c>
      <c r="I144" s="3" t="s">
        <v>37</v>
      </c>
      <c r="J144" s="3" t="s">
        <v>320</v>
      </c>
      <c r="K144" s="3" t="s">
        <v>32</v>
      </c>
      <c r="L144" s="3" t="s">
        <v>33</v>
      </c>
      <c r="M144" s="3" t="s">
        <v>67</v>
      </c>
      <c r="N144" s="3" t="s">
        <v>74</v>
      </c>
      <c r="O144" s="3" t="s">
        <v>53</v>
      </c>
      <c r="P144" s="3" t="s">
        <v>37</v>
      </c>
      <c r="Q144" s="3" t="s">
        <v>37</v>
      </c>
      <c r="R144" s="3" t="s">
        <v>38</v>
      </c>
      <c r="S144" s="3" t="s">
        <v>321</v>
      </c>
      <c r="T144" s="3" t="s">
        <v>37</v>
      </c>
      <c r="U144" s="3" t="s">
        <v>37</v>
      </c>
      <c r="V144" s="3" t="s">
        <v>37</v>
      </c>
    </row>
    <row r="145" spans="1:22" x14ac:dyDescent="0.25">
      <c r="A145" s="3" t="s">
        <v>22</v>
      </c>
      <c r="B145" s="4" t="s">
        <v>536</v>
      </c>
      <c r="C145" s="3" t="s">
        <v>537</v>
      </c>
      <c r="D145" s="5" t="s">
        <v>145</v>
      </c>
      <c r="E145" s="3" t="s">
        <v>46</v>
      </c>
      <c r="F145" s="3" t="s">
        <v>454</v>
      </c>
      <c r="G145" s="3" t="s">
        <v>455</v>
      </c>
      <c r="H145" s="3" t="s">
        <v>29</v>
      </c>
      <c r="I145" s="3" t="s">
        <v>50</v>
      </c>
      <c r="J145" s="3" t="s">
        <v>456</v>
      </c>
      <c r="K145" s="3" t="s">
        <v>32</v>
      </c>
      <c r="L145" s="3" t="s">
        <v>33</v>
      </c>
      <c r="M145" s="3" t="s">
        <v>34</v>
      </c>
      <c r="N145" s="3" t="s">
        <v>117</v>
      </c>
      <c r="O145" s="3" t="s">
        <v>53</v>
      </c>
      <c r="P145" s="3" t="s">
        <v>54</v>
      </c>
      <c r="Q145" s="3" t="s">
        <v>37</v>
      </c>
      <c r="R145" s="3" t="s">
        <v>38</v>
      </c>
      <c r="S145" s="3" t="s">
        <v>457</v>
      </c>
      <c r="T145" s="3" t="s">
        <v>37</v>
      </c>
      <c r="U145" s="3" t="s">
        <v>37</v>
      </c>
      <c r="V145" s="3" t="s">
        <v>37</v>
      </c>
    </row>
    <row r="146" spans="1:22" x14ac:dyDescent="0.25">
      <c r="A146" s="3" t="s">
        <v>22</v>
      </c>
      <c r="B146" s="4" t="s">
        <v>536</v>
      </c>
      <c r="C146" s="3" t="s">
        <v>537</v>
      </c>
      <c r="D146" s="5" t="s">
        <v>473</v>
      </c>
      <c r="E146" s="3" t="s">
        <v>46</v>
      </c>
      <c r="F146" s="3" t="s">
        <v>459</v>
      </c>
      <c r="G146" s="3" t="s">
        <v>460</v>
      </c>
      <c r="H146" s="3" t="s">
        <v>29</v>
      </c>
      <c r="I146" s="3" t="s">
        <v>50</v>
      </c>
      <c r="J146" s="3" t="s">
        <v>461</v>
      </c>
      <c r="K146" s="3" t="s">
        <v>32</v>
      </c>
      <c r="L146" s="3" t="s">
        <v>33</v>
      </c>
      <c r="M146" s="3" t="s">
        <v>34</v>
      </c>
      <c r="N146" s="3" t="s">
        <v>117</v>
      </c>
      <c r="O146" s="3" t="s">
        <v>53</v>
      </c>
      <c r="P146" s="3" t="s">
        <v>54</v>
      </c>
      <c r="Q146" s="3" t="s">
        <v>37</v>
      </c>
      <c r="R146" s="3" t="s">
        <v>38</v>
      </c>
      <c r="S146" s="3" t="s">
        <v>462</v>
      </c>
      <c r="T146" s="3" t="s">
        <v>37</v>
      </c>
      <c r="U146" s="3" t="s">
        <v>37</v>
      </c>
      <c r="V146" s="3" t="s">
        <v>37</v>
      </c>
    </row>
    <row r="147" spans="1:22" x14ac:dyDescent="0.25">
      <c r="A147" s="3" t="s">
        <v>22</v>
      </c>
      <c r="B147" s="4" t="s">
        <v>536</v>
      </c>
      <c r="C147" s="3" t="s">
        <v>537</v>
      </c>
      <c r="D147" s="5" t="s">
        <v>478</v>
      </c>
      <c r="E147" s="3" t="s">
        <v>46</v>
      </c>
      <c r="F147" s="3" t="s">
        <v>355</v>
      </c>
      <c r="G147" s="3" t="s">
        <v>139</v>
      </c>
      <c r="H147" s="3" t="s">
        <v>29</v>
      </c>
      <c r="I147" s="3" t="s">
        <v>50</v>
      </c>
      <c r="J147" s="3" t="s">
        <v>356</v>
      </c>
      <c r="K147" s="3" t="s">
        <v>32</v>
      </c>
      <c r="L147" s="3" t="s">
        <v>33</v>
      </c>
      <c r="M147" s="3" t="s">
        <v>34</v>
      </c>
      <c r="N147" s="3" t="s">
        <v>117</v>
      </c>
      <c r="O147" s="3" t="s">
        <v>53</v>
      </c>
      <c r="P147" s="3" t="s">
        <v>54</v>
      </c>
      <c r="Q147" s="3" t="s">
        <v>37</v>
      </c>
      <c r="R147" s="3" t="s">
        <v>38</v>
      </c>
      <c r="S147" s="3" t="s">
        <v>357</v>
      </c>
      <c r="T147" s="3" t="s">
        <v>37</v>
      </c>
      <c r="U147" s="3" t="s">
        <v>37</v>
      </c>
      <c r="V147" s="3" t="s">
        <v>37</v>
      </c>
    </row>
    <row r="148" spans="1:22" x14ac:dyDescent="0.25">
      <c r="A148" s="3" t="s">
        <v>22</v>
      </c>
      <c r="B148" s="4" t="s">
        <v>536</v>
      </c>
      <c r="C148" s="3" t="s">
        <v>537</v>
      </c>
      <c r="D148" s="5" t="s">
        <v>164</v>
      </c>
      <c r="E148" s="3" t="s">
        <v>586</v>
      </c>
      <c r="F148" s="3" t="s">
        <v>587</v>
      </c>
      <c r="G148" s="3" t="s">
        <v>588</v>
      </c>
      <c r="H148" s="3" t="s">
        <v>49</v>
      </c>
      <c r="I148" s="3" t="s">
        <v>589</v>
      </c>
      <c r="J148" s="3" t="s">
        <v>590</v>
      </c>
      <c r="K148" s="3" t="s">
        <v>32</v>
      </c>
      <c r="L148" s="3" t="s">
        <v>33</v>
      </c>
      <c r="M148" s="3" t="s">
        <v>67</v>
      </c>
      <c r="N148" s="3" t="s">
        <v>591</v>
      </c>
      <c r="O148" s="3" t="s">
        <v>53</v>
      </c>
      <c r="P148" s="3" t="s">
        <v>37</v>
      </c>
      <c r="Q148" s="3" t="s">
        <v>37</v>
      </c>
      <c r="R148" s="3" t="s">
        <v>38</v>
      </c>
      <c r="S148" s="3" t="s">
        <v>592</v>
      </c>
      <c r="T148" s="3" t="s">
        <v>37</v>
      </c>
      <c r="U148" s="3" t="s">
        <v>37</v>
      </c>
      <c r="V148" s="3" t="s">
        <v>37</v>
      </c>
    </row>
    <row r="149" spans="1:22" x14ac:dyDescent="0.25">
      <c r="A149" s="3" t="s">
        <v>22</v>
      </c>
      <c r="B149" s="4" t="s">
        <v>536</v>
      </c>
      <c r="C149" s="3" t="s">
        <v>537</v>
      </c>
      <c r="D149" s="5" t="s">
        <v>169</v>
      </c>
      <c r="E149" s="3" t="s">
        <v>586</v>
      </c>
      <c r="F149" s="3" t="s">
        <v>593</v>
      </c>
      <c r="G149" s="3" t="s">
        <v>594</v>
      </c>
      <c r="H149" s="3" t="s">
        <v>325</v>
      </c>
      <c r="I149" s="3" t="s">
        <v>595</v>
      </c>
      <c r="J149" s="3" t="s">
        <v>596</v>
      </c>
      <c r="K149" s="3" t="s">
        <v>32</v>
      </c>
      <c r="L149" s="3" t="s">
        <v>33</v>
      </c>
      <c r="M149" s="3" t="s">
        <v>67</v>
      </c>
      <c r="N149" s="3" t="s">
        <v>591</v>
      </c>
      <c r="O149" s="3" t="s">
        <v>53</v>
      </c>
      <c r="P149" s="3" t="s">
        <v>37</v>
      </c>
      <c r="Q149" s="3" t="s">
        <v>37</v>
      </c>
      <c r="R149" s="3" t="s">
        <v>38</v>
      </c>
      <c r="S149" s="3" t="s">
        <v>597</v>
      </c>
      <c r="T149" s="3" t="s">
        <v>37</v>
      </c>
      <c r="U149" s="3" t="s">
        <v>37</v>
      </c>
      <c r="V149" s="3" t="s">
        <v>37</v>
      </c>
    </row>
    <row r="150" spans="1:22" x14ac:dyDescent="0.25">
      <c r="A150" s="3" t="s">
        <v>22</v>
      </c>
      <c r="B150" s="4" t="s">
        <v>536</v>
      </c>
      <c r="C150" s="3" t="s">
        <v>537</v>
      </c>
      <c r="D150" s="5" t="s">
        <v>174</v>
      </c>
      <c r="E150" s="3" t="s">
        <v>46</v>
      </c>
      <c r="F150" s="3" t="s">
        <v>170</v>
      </c>
      <c r="G150" s="3" t="s">
        <v>171</v>
      </c>
      <c r="H150" s="3" t="s">
        <v>29</v>
      </c>
      <c r="I150" s="3" t="s">
        <v>50</v>
      </c>
      <c r="J150" s="3" t="s">
        <v>172</v>
      </c>
      <c r="K150" s="3" t="s">
        <v>32</v>
      </c>
      <c r="L150" s="3" t="s">
        <v>33</v>
      </c>
      <c r="M150" s="3" t="s">
        <v>34</v>
      </c>
      <c r="N150" s="3" t="s">
        <v>117</v>
      </c>
      <c r="O150" s="3" t="s">
        <v>53</v>
      </c>
      <c r="P150" s="3" t="s">
        <v>54</v>
      </c>
      <c r="Q150" s="3" t="s">
        <v>37</v>
      </c>
      <c r="R150" s="3" t="s">
        <v>38</v>
      </c>
      <c r="S150" s="3" t="s">
        <v>173</v>
      </c>
      <c r="T150" s="3" t="s">
        <v>37</v>
      </c>
      <c r="U150" s="3" t="s">
        <v>37</v>
      </c>
      <c r="V150" s="3" t="s">
        <v>37</v>
      </c>
    </row>
    <row r="151" spans="1:22" x14ac:dyDescent="0.25">
      <c r="A151" s="3" t="s">
        <v>22</v>
      </c>
      <c r="B151" s="4" t="s">
        <v>536</v>
      </c>
      <c r="C151" s="3" t="s">
        <v>537</v>
      </c>
      <c r="D151" s="5" t="s">
        <v>182</v>
      </c>
      <c r="E151" s="3" t="s">
        <v>46</v>
      </c>
      <c r="F151" s="3" t="s">
        <v>339</v>
      </c>
      <c r="G151" s="3" t="s">
        <v>273</v>
      </c>
      <c r="H151" s="3" t="s">
        <v>29</v>
      </c>
      <c r="I151" s="3" t="s">
        <v>50</v>
      </c>
      <c r="J151" s="3" t="s">
        <v>340</v>
      </c>
      <c r="K151" s="3" t="s">
        <v>32</v>
      </c>
      <c r="L151" s="3" t="s">
        <v>33</v>
      </c>
      <c r="M151" s="3" t="s">
        <v>34</v>
      </c>
      <c r="N151" s="3" t="s">
        <v>117</v>
      </c>
      <c r="O151" s="3" t="s">
        <v>53</v>
      </c>
      <c r="P151" s="3" t="s">
        <v>54</v>
      </c>
      <c r="Q151" s="3" t="s">
        <v>37</v>
      </c>
      <c r="R151" s="3" t="s">
        <v>38</v>
      </c>
      <c r="S151" s="3" t="s">
        <v>341</v>
      </c>
      <c r="T151" s="3" t="s">
        <v>37</v>
      </c>
      <c r="U151" s="3" t="s">
        <v>37</v>
      </c>
      <c r="V151" s="3" t="s">
        <v>37</v>
      </c>
    </row>
    <row r="152" spans="1:22" x14ac:dyDescent="0.25">
      <c r="A152" s="3" t="s">
        <v>22</v>
      </c>
      <c r="B152" s="4" t="s">
        <v>536</v>
      </c>
      <c r="C152" s="3" t="s">
        <v>537</v>
      </c>
      <c r="D152" s="5" t="s">
        <v>187</v>
      </c>
      <c r="E152" s="3" t="s">
        <v>46</v>
      </c>
      <c r="F152" s="3" t="s">
        <v>342</v>
      </c>
      <c r="G152" s="3" t="s">
        <v>278</v>
      </c>
      <c r="H152" s="3" t="s">
        <v>29</v>
      </c>
      <c r="I152" s="3" t="s">
        <v>50</v>
      </c>
      <c r="J152" s="3" t="s">
        <v>343</v>
      </c>
      <c r="K152" s="3" t="s">
        <v>32</v>
      </c>
      <c r="L152" s="3" t="s">
        <v>33</v>
      </c>
      <c r="M152" s="3" t="s">
        <v>34</v>
      </c>
      <c r="N152" s="3" t="s">
        <v>117</v>
      </c>
      <c r="O152" s="3" t="s">
        <v>53</v>
      </c>
      <c r="P152" s="3" t="s">
        <v>54</v>
      </c>
      <c r="Q152" s="3" t="s">
        <v>37</v>
      </c>
      <c r="R152" s="3" t="s">
        <v>38</v>
      </c>
      <c r="S152" s="3" t="s">
        <v>344</v>
      </c>
      <c r="T152" s="3" t="s">
        <v>37</v>
      </c>
      <c r="U152" s="3" t="s">
        <v>37</v>
      </c>
      <c r="V152" s="3" t="s">
        <v>37</v>
      </c>
    </row>
    <row r="153" spans="1:22" x14ac:dyDescent="0.25">
      <c r="A153" s="3" t="s">
        <v>22</v>
      </c>
      <c r="B153" s="4" t="s">
        <v>536</v>
      </c>
      <c r="C153" s="3" t="s">
        <v>537</v>
      </c>
      <c r="D153" s="5" t="s">
        <v>192</v>
      </c>
      <c r="E153" s="3" t="s">
        <v>70</v>
      </c>
      <c r="F153" s="3" t="s">
        <v>429</v>
      </c>
      <c r="G153" s="3" t="s">
        <v>430</v>
      </c>
      <c r="H153" s="3" t="s">
        <v>49</v>
      </c>
      <c r="I153" s="3" t="s">
        <v>37</v>
      </c>
      <c r="J153" s="3" t="s">
        <v>431</v>
      </c>
      <c r="K153" s="3" t="s">
        <v>32</v>
      </c>
      <c r="L153" s="3" t="s">
        <v>33</v>
      </c>
      <c r="M153" s="3" t="s">
        <v>67</v>
      </c>
      <c r="N153" s="3" t="s">
        <v>74</v>
      </c>
      <c r="O153" s="3" t="s">
        <v>53</v>
      </c>
      <c r="P153" s="3" t="s">
        <v>54</v>
      </c>
      <c r="Q153" s="3" t="s">
        <v>37</v>
      </c>
      <c r="R153" s="3" t="s">
        <v>38</v>
      </c>
      <c r="S153" s="3" t="s">
        <v>432</v>
      </c>
      <c r="T153" s="3" t="s">
        <v>37</v>
      </c>
      <c r="U153" s="3" t="s">
        <v>37</v>
      </c>
      <c r="V153" s="3" t="s">
        <v>37</v>
      </c>
    </row>
    <row r="154" spans="1:22" x14ac:dyDescent="0.25">
      <c r="A154" s="3" t="s">
        <v>22</v>
      </c>
      <c r="B154" s="4" t="s">
        <v>536</v>
      </c>
      <c r="C154" s="3" t="s">
        <v>537</v>
      </c>
      <c r="D154" s="5" t="s">
        <v>197</v>
      </c>
      <c r="E154" s="3" t="s">
        <v>70</v>
      </c>
      <c r="F154" s="3" t="s">
        <v>160</v>
      </c>
      <c r="G154" s="3" t="s">
        <v>161</v>
      </c>
      <c r="H154" s="3" t="s">
        <v>49</v>
      </c>
      <c r="I154" s="3" t="s">
        <v>37</v>
      </c>
      <c r="J154" s="3" t="s">
        <v>162</v>
      </c>
      <c r="K154" s="3" t="s">
        <v>32</v>
      </c>
      <c r="L154" s="3" t="s">
        <v>33</v>
      </c>
      <c r="M154" s="3" t="s">
        <v>67</v>
      </c>
      <c r="N154" s="3" t="s">
        <v>74</v>
      </c>
      <c r="O154" s="3" t="s">
        <v>53</v>
      </c>
      <c r="P154" s="3" t="s">
        <v>54</v>
      </c>
      <c r="Q154" s="3" t="s">
        <v>37</v>
      </c>
      <c r="R154" s="3" t="s">
        <v>38</v>
      </c>
      <c r="S154" s="3" t="s">
        <v>163</v>
      </c>
      <c r="T154" s="3" t="s">
        <v>37</v>
      </c>
      <c r="U154" s="3" t="s">
        <v>37</v>
      </c>
      <c r="V154" s="3" t="s">
        <v>37</v>
      </c>
    </row>
    <row r="155" spans="1:22" x14ac:dyDescent="0.25">
      <c r="A155" s="3" t="s">
        <v>22</v>
      </c>
      <c r="B155" s="4" t="s">
        <v>536</v>
      </c>
      <c r="C155" s="3" t="s">
        <v>537</v>
      </c>
      <c r="D155" s="5" t="s">
        <v>498</v>
      </c>
      <c r="E155" s="3" t="s">
        <v>499</v>
      </c>
      <c r="F155" s="3" t="s">
        <v>598</v>
      </c>
      <c r="G155" s="3" t="s">
        <v>475</v>
      </c>
      <c r="H155" s="3" t="s">
        <v>29</v>
      </c>
      <c r="I155" s="3" t="s">
        <v>502</v>
      </c>
      <c r="J155" s="3" t="s">
        <v>599</v>
      </c>
      <c r="K155" s="3" t="s">
        <v>32</v>
      </c>
      <c r="L155" s="3" t="s">
        <v>33</v>
      </c>
      <c r="M155" s="3" t="s">
        <v>34</v>
      </c>
      <c r="N155" s="3" t="s">
        <v>142</v>
      </c>
      <c r="O155" s="3" t="s">
        <v>179</v>
      </c>
      <c r="P155" s="3" t="s">
        <v>37</v>
      </c>
      <c r="Q155" s="3" t="s">
        <v>37</v>
      </c>
      <c r="R155" s="3" t="s">
        <v>38</v>
      </c>
      <c r="S155" s="3" t="s">
        <v>600</v>
      </c>
      <c r="T155" s="3" t="s">
        <v>37</v>
      </c>
      <c r="U155" s="3" t="s">
        <v>37</v>
      </c>
      <c r="V155" s="3" t="s">
        <v>37</v>
      </c>
    </row>
    <row r="156" spans="1:22" x14ac:dyDescent="0.25">
      <c r="A156" s="3" t="s">
        <v>22</v>
      </c>
      <c r="B156" s="4" t="s">
        <v>536</v>
      </c>
      <c r="C156" s="3" t="s">
        <v>537</v>
      </c>
      <c r="D156" s="5" t="s">
        <v>505</v>
      </c>
      <c r="E156" s="3" t="s">
        <v>499</v>
      </c>
      <c r="F156" s="3" t="s">
        <v>601</v>
      </c>
      <c r="G156" s="3" t="s">
        <v>480</v>
      </c>
      <c r="H156" s="3" t="s">
        <v>29</v>
      </c>
      <c r="I156" s="3" t="s">
        <v>502</v>
      </c>
      <c r="J156" s="3" t="s">
        <v>602</v>
      </c>
      <c r="K156" s="3" t="s">
        <v>32</v>
      </c>
      <c r="L156" s="3" t="s">
        <v>33</v>
      </c>
      <c r="M156" s="3" t="s">
        <v>34</v>
      </c>
      <c r="N156" s="3" t="s">
        <v>142</v>
      </c>
      <c r="O156" s="3" t="s">
        <v>179</v>
      </c>
      <c r="P156" s="3" t="s">
        <v>37</v>
      </c>
      <c r="Q156" s="3" t="s">
        <v>37</v>
      </c>
      <c r="R156" s="3" t="s">
        <v>38</v>
      </c>
      <c r="S156" s="3" t="s">
        <v>603</v>
      </c>
      <c r="T156" s="3" t="s">
        <v>37</v>
      </c>
      <c r="U156" s="3" t="s">
        <v>37</v>
      </c>
      <c r="V156" s="3" t="s">
        <v>37</v>
      </c>
    </row>
    <row r="157" spans="1:22" x14ac:dyDescent="0.25">
      <c r="A157" s="3" t="s">
        <v>22</v>
      </c>
      <c r="B157" s="4" t="s">
        <v>536</v>
      </c>
      <c r="C157" s="3" t="s">
        <v>537</v>
      </c>
      <c r="D157" s="5" t="s">
        <v>212</v>
      </c>
      <c r="E157" s="3" t="s">
        <v>510</v>
      </c>
      <c r="F157" s="3" t="s">
        <v>604</v>
      </c>
      <c r="G157" s="3" t="s">
        <v>253</v>
      </c>
      <c r="H157" s="3" t="s">
        <v>29</v>
      </c>
      <c r="I157" s="3" t="s">
        <v>605</v>
      </c>
      <c r="J157" s="3" t="s">
        <v>606</v>
      </c>
      <c r="K157" s="3" t="s">
        <v>32</v>
      </c>
      <c r="L157" s="3" t="s">
        <v>110</v>
      </c>
      <c r="M157" s="3" t="s">
        <v>67</v>
      </c>
      <c r="N157" s="3" t="s">
        <v>117</v>
      </c>
      <c r="O157" s="3" t="s">
        <v>36</v>
      </c>
      <c r="P157" s="3" t="s">
        <v>37</v>
      </c>
      <c r="Q157" s="3" t="s">
        <v>37</v>
      </c>
      <c r="R157" s="3" t="s">
        <v>38</v>
      </c>
      <c r="S157" s="3" t="s">
        <v>607</v>
      </c>
      <c r="T157" s="3" t="s">
        <v>37</v>
      </c>
      <c r="U157" s="3" t="s">
        <v>37</v>
      </c>
      <c r="V157" s="3" t="s">
        <v>37</v>
      </c>
    </row>
    <row r="158" spans="1:22" x14ac:dyDescent="0.25">
      <c r="A158" s="3" t="s">
        <v>22</v>
      </c>
      <c r="B158" s="4" t="s">
        <v>536</v>
      </c>
      <c r="C158" s="3" t="s">
        <v>537</v>
      </c>
      <c r="D158" s="5" t="s">
        <v>217</v>
      </c>
      <c r="E158" s="3" t="s">
        <v>510</v>
      </c>
      <c r="F158" s="3" t="s">
        <v>608</v>
      </c>
      <c r="G158" s="3" t="s">
        <v>609</v>
      </c>
      <c r="H158" s="3" t="s">
        <v>325</v>
      </c>
      <c r="I158" s="3" t="s">
        <v>37</v>
      </c>
      <c r="J158" s="3" t="s">
        <v>610</v>
      </c>
      <c r="K158" s="3" t="s">
        <v>32</v>
      </c>
      <c r="L158" s="3" t="s">
        <v>110</v>
      </c>
      <c r="M158" s="3" t="s">
        <v>67</v>
      </c>
      <c r="N158" s="3" t="s">
        <v>52</v>
      </c>
      <c r="O158" s="3" t="s">
        <v>179</v>
      </c>
      <c r="P158" s="3" t="s">
        <v>54</v>
      </c>
      <c r="Q158" s="3" t="s">
        <v>37</v>
      </c>
      <c r="R158" s="3" t="s">
        <v>38</v>
      </c>
      <c r="S158" s="3" t="s">
        <v>611</v>
      </c>
      <c r="T158" s="3" t="s">
        <v>37</v>
      </c>
      <c r="U158" s="3" t="s">
        <v>37</v>
      </c>
      <c r="V158" s="3" t="s">
        <v>37</v>
      </c>
    </row>
    <row r="159" spans="1:22" x14ac:dyDescent="0.25">
      <c r="A159" s="3" t="s">
        <v>22</v>
      </c>
      <c r="B159" s="4" t="s">
        <v>536</v>
      </c>
      <c r="C159" s="3" t="s">
        <v>537</v>
      </c>
      <c r="D159" s="5" t="s">
        <v>221</v>
      </c>
      <c r="E159" s="3" t="s">
        <v>183</v>
      </c>
      <c r="F159" s="3" t="s">
        <v>612</v>
      </c>
      <c r="G159" s="3" t="s">
        <v>121</v>
      </c>
      <c r="H159" s="3" t="s">
        <v>29</v>
      </c>
      <c r="I159" s="3" t="s">
        <v>37</v>
      </c>
      <c r="J159" s="3" t="s">
        <v>613</v>
      </c>
      <c r="K159" s="3" t="s">
        <v>32</v>
      </c>
      <c r="L159" s="3" t="s">
        <v>110</v>
      </c>
      <c r="M159" s="3" t="s">
        <v>67</v>
      </c>
      <c r="N159" s="3" t="s">
        <v>74</v>
      </c>
      <c r="O159" s="3" t="s">
        <v>53</v>
      </c>
      <c r="P159" s="3" t="s">
        <v>54</v>
      </c>
      <c r="Q159" s="3" t="s">
        <v>37</v>
      </c>
      <c r="R159" s="3" t="s">
        <v>38</v>
      </c>
      <c r="S159" s="3" t="s">
        <v>614</v>
      </c>
      <c r="T159" s="3" t="s">
        <v>37</v>
      </c>
      <c r="U159" s="3" t="s">
        <v>37</v>
      </c>
      <c r="V159" s="3" t="s">
        <v>37</v>
      </c>
    </row>
    <row r="160" spans="1:22" x14ac:dyDescent="0.25">
      <c r="A160" s="3" t="s">
        <v>22</v>
      </c>
      <c r="B160" s="4" t="s">
        <v>536</v>
      </c>
      <c r="C160" s="3" t="s">
        <v>537</v>
      </c>
      <c r="D160" s="5" t="s">
        <v>222</v>
      </c>
      <c r="E160" s="3" t="s">
        <v>183</v>
      </c>
      <c r="F160" s="3" t="s">
        <v>615</v>
      </c>
      <c r="G160" s="3" t="s">
        <v>516</v>
      </c>
      <c r="H160" s="3" t="s">
        <v>29</v>
      </c>
      <c r="I160" s="3" t="s">
        <v>37</v>
      </c>
      <c r="J160" s="3" t="s">
        <v>616</v>
      </c>
      <c r="K160" s="3" t="s">
        <v>32</v>
      </c>
      <c r="L160" s="3" t="s">
        <v>110</v>
      </c>
      <c r="M160" s="3" t="s">
        <v>67</v>
      </c>
      <c r="N160" s="3" t="s">
        <v>74</v>
      </c>
      <c r="O160" s="3" t="s">
        <v>36</v>
      </c>
      <c r="P160" s="3" t="s">
        <v>54</v>
      </c>
      <c r="Q160" s="3" t="s">
        <v>37</v>
      </c>
      <c r="R160" s="3" t="s">
        <v>38</v>
      </c>
      <c r="S160" s="3" t="s">
        <v>617</v>
      </c>
      <c r="T160" s="3" t="s">
        <v>37</v>
      </c>
      <c r="U160" s="3" t="s">
        <v>37</v>
      </c>
      <c r="V160" s="3" t="s">
        <v>37</v>
      </c>
    </row>
    <row r="161" spans="1:22" x14ac:dyDescent="0.25">
      <c r="A161" s="3" t="s">
        <v>22</v>
      </c>
      <c r="B161" s="4" t="s">
        <v>536</v>
      </c>
      <c r="C161" s="3" t="s">
        <v>537</v>
      </c>
      <c r="D161" s="5" t="s">
        <v>226</v>
      </c>
      <c r="E161" s="3" t="s">
        <v>527</v>
      </c>
      <c r="F161" s="3" t="s">
        <v>618</v>
      </c>
      <c r="G161" s="3" t="s">
        <v>588</v>
      </c>
      <c r="H161" s="3" t="s">
        <v>29</v>
      </c>
      <c r="I161" s="3" t="s">
        <v>619</v>
      </c>
      <c r="J161" s="3" t="s">
        <v>620</v>
      </c>
      <c r="K161" s="3" t="s">
        <v>32</v>
      </c>
      <c r="L161" s="3" t="s">
        <v>110</v>
      </c>
      <c r="M161" s="3" t="s">
        <v>532</v>
      </c>
      <c r="N161" s="3" t="s">
        <v>533</v>
      </c>
      <c r="O161" s="3" t="s">
        <v>621</v>
      </c>
      <c r="P161" s="3" t="s">
        <v>54</v>
      </c>
      <c r="Q161" s="3" t="s">
        <v>85</v>
      </c>
      <c r="R161" s="3" t="s">
        <v>38</v>
      </c>
      <c r="S161" s="3" t="s">
        <v>622</v>
      </c>
      <c r="T161" s="3" t="s">
        <v>37</v>
      </c>
      <c r="U161" s="3" t="s">
        <v>37</v>
      </c>
      <c r="V161" s="3" t="s">
        <v>37</v>
      </c>
    </row>
    <row r="162" spans="1:22" x14ac:dyDescent="0.25">
      <c r="A162" s="3"/>
      <c r="B162" s="4"/>
      <c r="C162" s="3"/>
      <c r="D162" s="5"/>
      <c r="E162" s="6" t="s">
        <v>236</v>
      </c>
      <c r="F162" s="3"/>
      <c r="G162" s="3"/>
      <c r="H162" s="3"/>
      <c r="I162" s="3"/>
      <c r="J162" s="3"/>
      <c r="K162" s="3"/>
      <c r="L162" s="3"/>
      <c r="M162" s="3"/>
      <c r="N162" s="3"/>
      <c r="O162" s="3"/>
      <c r="P162" s="3"/>
      <c r="Q162" s="3"/>
      <c r="R162" s="3"/>
      <c r="S162" s="3"/>
      <c r="T162" s="3"/>
      <c r="U162" s="3"/>
      <c r="V162" s="3"/>
    </row>
    <row r="163" spans="1:22" x14ac:dyDescent="0.25">
      <c r="A163" s="3"/>
      <c r="B163" s="4"/>
      <c r="C163" s="3"/>
      <c r="D163" s="5"/>
      <c r="E163" s="3"/>
      <c r="F163" s="3"/>
      <c r="G163" s="3"/>
      <c r="H163" s="3"/>
      <c r="I163" s="3"/>
      <c r="J163" s="3"/>
      <c r="K163" s="3"/>
      <c r="L163" s="3"/>
      <c r="M163" s="3"/>
      <c r="N163" s="3"/>
      <c r="O163" s="3"/>
      <c r="P163" s="3"/>
      <c r="Q163" s="3"/>
      <c r="R163" s="3"/>
      <c r="S163" s="3"/>
      <c r="T163" s="3"/>
      <c r="U163" s="3"/>
      <c r="V163" s="3"/>
    </row>
    <row r="164" spans="1:22" x14ac:dyDescent="0.25">
      <c r="A164" s="3" t="s">
        <v>22</v>
      </c>
      <c r="B164" s="4" t="s">
        <v>623</v>
      </c>
      <c r="C164" s="3" t="s">
        <v>624</v>
      </c>
      <c r="D164" s="5" t="s">
        <v>25</v>
      </c>
      <c r="E164" s="3" t="s">
        <v>46</v>
      </c>
      <c r="F164" s="3" t="s">
        <v>474</v>
      </c>
      <c r="G164" s="3" t="s">
        <v>475</v>
      </c>
      <c r="H164" s="3" t="s">
        <v>29</v>
      </c>
      <c r="I164" s="3" t="s">
        <v>50</v>
      </c>
      <c r="J164" s="3" t="s">
        <v>476</v>
      </c>
      <c r="K164" s="3" t="s">
        <v>32</v>
      </c>
      <c r="L164" s="3" t="s">
        <v>33</v>
      </c>
      <c r="M164" s="3" t="s">
        <v>34</v>
      </c>
      <c r="N164" s="3" t="s">
        <v>117</v>
      </c>
      <c r="O164" s="3" t="s">
        <v>53</v>
      </c>
      <c r="P164" s="3" t="s">
        <v>54</v>
      </c>
      <c r="Q164" s="3" t="s">
        <v>37</v>
      </c>
      <c r="R164" s="3" t="s">
        <v>38</v>
      </c>
      <c r="S164" s="3" t="s">
        <v>477</v>
      </c>
      <c r="T164" s="3" t="s">
        <v>37</v>
      </c>
      <c r="U164" s="3" t="s">
        <v>37</v>
      </c>
      <c r="V164" s="3" t="s">
        <v>37</v>
      </c>
    </row>
    <row r="165" spans="1:22" x14ac:dyDescent="0.25">
      <c r="A165" s="3" t="s">
        <v>22</v>
      </c>
      <c r="B165" s="4" t="s">
        <v>623</v>
      </c>
      <c r="C165" s="3" t="s">
        <v>624</v>
      </c>
      <c r="D165" s="5" t="s">
        <v>40</v>
      </c>
      <c r="E165" s="3" t="s">
        <v>46</v>
      </c>
      <c r="F165" s="3" t="s">
        <v>479</v>
      </c>
      <c r="G165" s="3" t="s">
        <v>480</v>
      </c>
      <c r="H165" s="3" t="s">
        <v>29</v>
      </c>
      <c r="I165" s="3" t="s">
        <v>50</v>
      </c>
      <c r="J165" s="3" t="s">
        <v>481</v>
      </c>
      <c r="K165" s="3" t="s">
        <v>32</v>
      </c>
      <c r="L165" s="3" t="s">
        <v>33</v>
      </c>
      <c r="M165" s="3" t="s">
        <v>34</v>
      </c>
      <c r="N165" s="3" t="s">
        <v>117</v>
      </c>
      <c r="O165" s="3" t="s">
        <v>53</v>
      </c>
      <c r="P165" s="3" t="s">
        <v>54</v>
      </c>
      <c r="Q165" s="3" t="s">
        <v>37</v>
      </c>
      <c r="R165" s="3" t="s">
        <v>38</v>
      </c>
      <c r="S165" s="3" t="s">
        <v>482</v>
      </c>
      <c r="T165" s="3" t="s">
        <v>37</v>
      </c>
      <c r="U165" s="3" t="s">
        <v>37</v>
      </c>
      <c r="V165" s="3" t="s">
        <v>37</v>
      </c>
    </row>
    <row r="166" spans="1:22" x14ac:dyDescent="0.25">
      <c r="A166" s="3" t="s">
        <v>22</v>
      </c>
      <c r="B166" s="4" t="s">
        <v>623</v>
      </c>
      <c r="C166" s="3" t="s">
        <v>624</v>
      </c>
      <c r="D166" s="5" t="s">
        <v>625</v>
      </c>
      <c r="E166" s="3" t="s">
        <v>46</v>
      </c>
      <c r="F166" s="3" t="s">
        <v>454</v>
      </c>
      <c r="G166" s="3" t="s">
        <v>455</v>
      </c>
      <c r="H166" s="3" t="s">
        <v>29</v>
      </c>
      <c r="I166" s="3" t="s">
        <v>50</v>
      </c>
      <c r="J166" s="3" t="s">
        <v>456</v>
      </c>
      <c r="K166" s="3" t="s">
        <v>32</v>
      </c>
      <c r="L166" s="3" t="s">
        <v>33</v>
      </c>
      <c r="M166" s="3" t="s">
        <v>34</v>
      </c>
      <c r="N166" s="3" t="s">
        <v>117</v>
      </c>
      <c r="O166" s="3" t="s">
        <v>53</v>
      </c>
      <c r="P166" s="3" t="s">
        <v>54</v>
      </c>
      <c r="Q166" s="3" t="s">
        <v>37</v>
      </c>
      <c r="R166" s="3" t="s">
        <v>38</v>
      </c>
      <c r="S166" s="3" t="s">
        <v>457</v>
      </c>
      <c r="T166" s="3" t="s">
        <v>37</v>
      </c>
      <c r="U166" s="3" t="s">
        <v>37</v>
      </c>
      <c r="V166" s="3" t="s">
        <v>37</v>
      </c>
    </row>
    <row r="167" spans="1:22" x14ac:dyDescent="0.25">
      <c r="A167" s="3" t="s">
        <v>22</v>
      </c>
      <c r="B167" s="4" t="s">
        <v>623</v>
      </c>
      <c r="C167" s="3" t="s">
        <v>624</v>
      </c>
      <c r="D167" s="5" t="s">
        <v>626</v>
      </c>
      <c r="E167" s="3" t="s">
        <v>46</v>
      </c>
      <c r="F167" s="3" t="s">
        <v>459</v>
      </c>
      <c r="G167" s="3" t="s">
        <v>460</v>
      </c>
      <c r="H167" s="3" t="s">
        <v>29</v>
      </c>
      <c r="I167" s="3" t="s">
        <v>50</v>
      </c>
      <c r="J167" s="3" t="s">
        <v>461</v>
      </c>
      <c r="K167" s="3" t="s">
        <v>32</v>
      </c>
      <c r="L167" s="3" t="s">
        <v>33</v>
      </c>
      <c r="M167" s="3" t="s">
        <v>34</v>
      </c>
      <c r="N167" s="3" t="s">
        <v>117</v>
      </c>
      <c r="O167" s="3" t="s">
        <v>53</v>
      </c>
      <c r="P167" s="3" t="s">
        <v>54</v>
      </c>
      <c r="Q167" s="3" t="s">
        <v>37</v>
      </c>
      <c r="R167" s="3" t="s">
        <v>38</v>
      </c>
      <c r="S167" s="3" t="s">
        <v>462</v>
      </c>
      <c r="T167" s="3" t="s">
        <v>37</v>
      </c>
      <c r="U167" s="3" t="s">
        <v>37</v>
      </c>
      <c r="V167" s="3" t="s">
        <v>37</v>
      </c>
    </row>
    <row r="168" spans="1:22" x14ac:dyDescent="0.25">
      <c r="A168" s="3" t="s">
        <v>22</v>
      </c>
      <c r="B168" s="4" t="s">
        <v>623</v>
      </c>
      <c r="C168" s="3" t="s">
        <v>624</v>
      </c>
      <c r="D168" s="5" t="s">
        <v>627</v>
      </c>
      <c r="E168" s="3" t="s">
        <v>46</v>
      </c>
      <c r="F168" s="3" t="s">
        <v>574</v>
      </c>
      <c r="G168" s="3" t="s">
        <v>575</v>
      </c>
      <c r="H168" s="3" t="s">
        <v>29</v>
      </c>
      <c r="I168" s="3" t="s">
        <v>50</v>
      </c>
      <c r="J168" s="3" t="s">
        <v>576</v>
      </c>
      <c r="K168" s="3" t="s">
        <v>32</v>
      </c>
      <c r="L168" s="3" t="s">
        <v>33</v>
      </c>
      <c r="M168" s="3" t="s">
        <v>34</v>
      </c>
      <c r="N168" s="3" t="s">
        <v>117</v>
      </c>
      <c r="O168" s="3" t="s">
        <v>179</v>
      </c>
      <c r="P168" s="3" t="s">
        <v>54</v>
      </c>
      <c r="Q168" s="3" t="s">
        <v>37</v>
      </c>
      <c r="R168" s="3" t="s">
        <v>38</v>
      </c>
      <c r="S168" s="3" t="s">
        <v>577</v>
      </c>
      <c r="T168" s="3" t="s">
        <v>37</v>
      </c>
      <c r="U168" s="3" t="s">
        <v>37</v>
      </c>
      <c r="V168" s="3" t="s">
        <v>37</v>
      </c>
    </row>
    <row r="169" spans="1:22" x14ac:dyDescent="0.25">
      <c r="A169" s="3" t="s">
        <v>22</v>
      </c>
      <c r="B169" s="4" t="s">
        <v>623</v>
      </c>
      <c r="C169" s="3" t="s">
        <v>624</v>
      </c>
      <c r="D169" s="5" t="s">
        <v>628</v>
      </c>
      <c r="E169" s="3" t="s">
        <v>46</v>
      </c>
      <c r="F169" s="3" t="s">
        <v>578</v>
      </c>
      <c r="G169" s="3" t="s">
        <v>579</v>
      </c>
      <c r="H169" s="3" t="s">
        <v>29</v>
      </c>
      <c r="I169" s="3" t="s">
        <v>50</v>
      </c>
      <c r="J169" s="3" t="s">
        <v>580</v>
      </c>
      <c r="K169" s="3" t="s">
        <v>32</v>
      </c>
      <c r="L169" s="3" t="s">
        <v>33</v>
      </c>
      <c r="M169" s="3" t="s">
        <v>34</v>
      </c>
      <c r="N169" s="3" t="s">
        <v>117</v>
      </c>
      <c r="O169" s="3" t="s">
        <v>53</v>
      </c>
      <c r="P169" s="3" t="s">
        <v>54</v>
      </c>
      <c r="Q169" s="3" t="s">
        <v>37</v>
      </c>
      <c r="R169" s="3" t="s">
        <v>38</v>
      </c>
      <c r="S169" s="3" t="s">
        <v>581</v>
      </c>
      <c r="T169" s="3" t="s">
        <v>37</v>
      </c>
      <c r="U169" s="3" t="s">
        <v>37</v>
      </c>
      <c r="V169" s="3" t="s">
        <v>37</v>
      </c>
    </row>
    <row r="170" spans="1:22" x14ac:dyDescent="0.25">
      <c r="A170" s="3" t="s">
        <v>22</v>
      </c>
      <c r="B170" s="4" t="s">
        <v>623</v>
      </c>
      <c r="C170" s="3" t="s">
        <v>624</v>
      </c>
      <c r="D170" s="5" t="s">
        <v>417</v>
      </c>
      <c r="E170" s="3" t="s">
        <v>396</v>
      </c>
      <c r="F170" s="3" t="s">
        <v>629</v>
      </c>
      <c r="G170" s="3" t="s">
        <v>115</v>
      </c>
      <c r="H170" s="3" t="s">
        <v>29</v>
      </c>
      <c r="I170" s="3" t="s">
        <v>37</v>
      </c>
      <c r="J170" s="3" t="s">
        <v>630</v>
      </c>
      <c r="K170" s="3" t="s">
        <v>32</v>
      </c>
      <c r="L170" s="3" t="s">
        <v>33</v>
      </c>
      <c r="M170" s="3" t="s">
        <v>67</v>
      </c>
      <c r="N170" s="3" t="s">
        <v>74</v>
      </c>
      <c r="O170" s="3" t="s">
        <v>53</v>
      </c>
      <c r="P170" s="3" t="s">
        <v>37</v>
      </c>
      <c r="Q170" s="3" t="s">
        <v>37</v>
      </c>
      <c r="R170" s="3" t="s">
        <v>38</v>
      </c>
      <c r="S170" s="3" t="s">
        <v>631</v>
      </c>
      <c r="T170" s="3" t="s">
        <v>37</v>
      </c>
      <c r="U170" s="3" t="s">
        <v>37</v>
      </c>
      <c r="V170" s="3" t="s">
        <v>37</v>
      </c>
    </row>
    <row r="171" spans="1:22" x14ac:dyDescent="0.25">
      <c r="A171" s="3" t="s">
        <v>22</v>
      </c>
      <c r="B171" s="4" t="s">
        <v>623</v>
      </c>
      <c r="C171" s="3" t="s">
        <v>624</v>
      </c>
      <c r="D171" s="5" t="s">
        <v>81</v>
      </c>
      <c r="E171" s="3" t="s">
        <v>396</v>
      </c>
      <c r="F171" s="3" t="s">
        <v>632</v>
      </c>
      <c r="G171" s="3" t="s">
        <v>121</v>
      </c>
      <c r="H171" s="3" t="s">
        <v>29</v>
      </c>
      <c r="I171" s="3" t="s">
        <v>37</v>
      </c>
      <c r="J171" s="3" t="s">
        <v>633</v>
      </c>
      <c r="K171" s="3" t="s">
        <v>32</v>
      </c>
      <c r="L171" s="3" t="s">
        <v>33</v>
      </c>
      <c r="M171" s="3" t="s">
        <v>67</v>
      </c>
      <c r="N171" s="3" t="s">
        <v>74</v>
      </c>
      <c r="O171" s="3" t="s">
        <v>53</v>
      </c>
      <c r="P171" s="3" t="s">
        <v>37</v>
      </c>
      <c r="Q171" s="3" t="s">
        <v>37</v>
      </c>
      <c r="R171" s="3" t="s">
        <v>38</v>
      </c>
      <c r="S171" s="3" t="s">
        <v>634</v>
      </c>
      <c r="T171" s="3" t="s">
        <v>37</v>
      </c>
      <c r="U171" s="3" t="s">
        <v>37</v>
      </c>
      <c r="V171" s="3" t="s">
        <v>37</v>
      </c>
    </row>
    <row r="172" spans="1:22" x14ac:dyDescent="0.25">
      <c r="A172" s="3" t="s">
        <v>22</v>
      </c>
      <c r="B172" s="4" t="s">
        <v>623</v>
      </c>
      <c r="C172" s="3" t="s">
        <v>624</v>
      </c>
      <c r="D172" s="5" t="s">
        <v>87</v>
      </c>
      <c r="E172" s="3" t="s">
        <v>396</v>
      </c>
      <c r="F172" s="3" t="s">
        <v>635</v>
      </c>
      <c r="G172" s="3" t="s">
        <v>248</v>
      </c>
      <c r="H172" s="3" t="s">
        <v>29</v>
      </c>
      <c r="I172" s="3" t="s">
        <v>37</v>
      </c>
      <c r="J172" s="3" t="s">
        <v>636</v>
      </c>
      <c r="K172" s="3" t="s">
        <v>32</v>
      </c>
      <c r="L172" s="3" t="s">
        <v>33</v>
      </c>
      <c r="M172" s="3" t="s">
        <v>67</v>
      </c>
      <c r="N172" s="3" t="s">
        <v>74</v>
      </c>
      <c r="O172" s="3" t="s">
        <v>53</v>
      </c>
      <c r="P172" s="3" t="s">
        <v>37</v>
      </c>
      <c r="Q172" s="3" t="s">
        <v>37</v>
      </c>
      <c r="R172" s="3" t="s">
        <v>38</v>
      </c>
      <c r="S172" s="3" t="s">
        <v>637</v>
      </c>
      <c r="T172" s="3" t="s">
        <v>37</v>
      </c>
      <c r="U172" s="3" t="s">
        <v>37</v>
      </c>
      <c r="V172" s="3" t="s">
        <v>37</v>
      </c>
    </row>
    <row r="173" spans="1:22" x14ac:dyDescent="0.25">
      <c r="A173" s="3" t="s">
        <v>22</v>
      </c>
      <c r="B173" s="4" t="s">
        <v>623</v>
      </c>
      <c r="C173" s="3" t="s">
        <v>624</v>
      </c>
      <c r="D173" s="5" t="s">
        <v>92</v>
      </c>
      <c r="E173" s="3" t="s">
        <v>396</v>
      </c>
      <c r="F173" s="3" t="s">
        <v>638</v>
      </c>
      <c r="G173" s="3" t="s">
        <v>253</v>
      </c>
      <c r="H173" s="3" t="s">
        <v>29</v>
      </c>
      <c r="I173" s="3" t="s">
        <v>37</v>
      </c>
      <c r="J173" s="3" t="s">
        <v>639</v>
      </c>
      <c r="K173" s="3" t="s">
        <v>32</v>
      </c>
      <c r="L173" s="3" t="s">
        <v>33</v>
      </c>
      <c r="M173" s="3" t="s">
        <v>67</v>
      </c>
      <c r="N173" s="3" t="s">
        <v>74</v>
      </c>
      <c r="O173" s="3" t="s">
        <v>53</v>
      </c>
      <c r="P173" s="3" t="s">
        <v>37</v>
      </c>
      <c r="Q173" s="3" t="s">
        <v>37</v>
      </c>
      <c r="R173" s="3" t="s">
        <v>38</v>
      </c>
      <c r="S173" s="3" t="s">
        <v>640</v>
      </c>
      <c r="T173" s="3" t="s">
        <v>37</v>
      </c>
      <c r="U173" s="3" t="s">
        <v>37</v>
      </c>
      <c r="V173" s="3" t="s">
        <v>37</v>
      </c>
    </row>
    <row r="174" spans="1:22" x14ac:dyDescent="0.25">
      <c r="A174" s="3" t="s">
        <v>22</v>
      </c>
      <c r="B174" s="4" t="s">
        <v>623</v>
      </c>
      <c r="C174" s="3" t="s">
        <v>624</v>
      </c>
      <c r="D174" s="5" t="s">
        <v>296</v>
      </c>
      <c r="E174" s="3" t="s">
        <v>46</v>
      </c>
      <c r="F174" s="3" t="s">
        <v>198</v>
      </c>
      <c r="G174" s="3" t="s">
        <v>199</v>
      </c>
      <c r="H174" s="3" t="s">
        <v>65</v>
      </c>
      <c r="I174" s="3" t="s">
        <v>50</v>
      </c>
      <c r="J174" s="3" t="s">
        <v>200</v>
      </c>
      <c r="K174" s="3" t="s">
        <v>32</v>
      </c>
      <c r="L174" s="3" t="s">
        <v>33</v>
      </c>
      <c r="M174" s="3" t="s">
        <v>34</v>
      </c>
      <c r="N174" s="3" t="s">
        <v>35</v>
      </c>
      <c r="O174" s="3" t="s">
        <v>53</v>
      </c>
      <c r="P174" s="3" t="s">
        <v>54</v>
      </c>
      <c r="Q174" s="3" t="s">
        <v>85</v>
      </c>
      <c r="R174" s="3" t="s">
        <v>38</v>
      </c>
      <c r="S174" s="3" t="s">
        <v>201</v>
      </c>
      <c r="T174" s="3" t="s">
        <v>37</v>
      </c>
      <c r="U174" s="3" t="s">
        <v>37</v>
      </c>
      <c r="V174" s="3" t="s">
        <v>37</v>
      </c>
    </row>
    <row r="175" spans="1:22" x14ac:dyDescent="0.25">
      <c r="A175" s="3" t="s">
        <v>22</v>
      </c>
      <c r="B175" s="4" t="s">
        <v>623</v>
      </c>
      <c r="C175" s="3" t="s">
        <v>624</v>
      </c>
      <c r="D175" s="5" t="s">
        <v>300</v>
      </c>
      <c r="E175" s="3" t="s">
        <v>62</v>
      </c>
      <c r="F175" s="3" t="s">
        <v>641</v>
      </c>
      <c r="G175" s="3" t="s">
        <v>199</v>
      </c>
      <c r="H175" s="3" t="s">
        <v>65</v>
      </c>
      <c r="I175" s="3" t="s">
        <v>37</v>
      </c>
      <c r="J175" s="3" t="s">
        <v>642</v>
      </c>
      <c r="K175" s="3" t="s">
        <v>32</v>
      </c>
      <c r="L175" s="3" t="s">
        <v>33</v>
      </c>
      <c r="M175" s="3" t="s">
        <v>67</v>
      </c>
      <c r="N175" s="3" t="s">
        <v>52</v>
      </c>
      <c r="O175" s="3" t="s">
        <v>270</v>
      </c>
      <c r="P175" s="3" t="s">
        <v>54</v>
      </c>
      <c r="Q175" s="3" t="s">
        <v>37</v>
      </c>
      <c r="R175" s="3" t="s">
        <v>38</v>
      </c>
      <c r="S175" s="3" t="s">
        <v>643</v>
      </c>
      <c r="T175" s="3" t="s">
        <v>37</v>
      </c>
      <c r="U175" s="3" t="s">
        <v>37</v>
      </c>
      <c r="V175" s="3" t="s">
        <v>37</v>
      </c>
    </row>
    <row r="176" spans="1:22" x14ac:dyDescent="0.25">
      <c r="A176" s="3" t="s">
        <v>22</v>
      </c>
      <c r="B176" s="4" t="s">
        <v>623</v>
      </c>
      <c r="C176" s="3" t="s">
        <v>624</v>
      </c>
      <c r="D176" s="5" t="s">
        <v>440</v>
      </c>
      <c r="E176" s="3" t="s">
        <v>62</v>
      </c>
      <c r="F176" s="3" t="s">
        <v>644</v>
      </c>
      <c r="G176" s="3" t="s">
        <v>99</v>
      </c>
      <c r="H176" s="3" t="s">
        <v>65</v>
      </c>
      <c r="I176" s="3" t="s">
        <v>37</v>
      </c>
      <c r="J176" s="3" t="s">
        <v>645</v>
      </c>
      <c r="K176" s="3" t="s">
        <v>32</v>
      </c>
      <c r="L176" s="3" t="s">
        <v>33</v>
      </c>
      <c r="M176" s="3" t="s">
        <v>67</v>
      </c>
      <c r="N176" s="3" t="s">
        <v>52</v>
      </c>
      <c r="O176" s="3" t="s">
        <v>53</v>
      </c>
      <c r="P176" s="3" t="s">
        <v>54</v>
      </c>
      <c r="Q176" s="3" t="s">
        <v>37</v>
      </c>
      <c r="R176" s="3" t="s">
        <v>38</v>
      </c>
      <c r="S176" s="3" t="s">
        <v>646</v>
      </c>
      <c r="T176" s="3" t="s">
        <v>37</v>
      </c>
      <c r="U176" s="3" t="s">
        <v>37</v>
      </c>
      <c r="V176" s="3" t="s">
        <v>37</v>
      </c>
    </row>
    <row r="177" spans="1:22" x14ac:dyDescent="0.25">
      <c r="A177" s="3" t="s">
        <v>22</v>
      </c>
      <c r="B177" s="4" t="s">
        <v>623</v>
      </c>
      <c r="C177" s="3" t="s">
        <v>624</v>
      </c>
      <c r="D177" s="5" t="s">
        <v>304</v>
      </c>
      <c r="E177" s="3" t="s">
        <v>46</v>
      </c>
      <c r="F177" s="3" t="s">
        <v>647</v>
      </c>
      <c r="G177" s="3" t="s">
        <v>319</v>
      </c>
      <c r="H177" s="3" t="s">
        <v>49</v>
      </c>
      <c r="I177" s="3" t="s">
        <v>50</v>
      </c>
      <c r="J177" s="3" t="s">
        <v>648</v>
      </c>
      <c r="K177" s="3" t="s">
        <v>32</v>
      </c>
      <c r="L177" s="3" t="s">
        <v>33</v>
      </c>
      <c r="M177" s="3" t="s">
        <v>34</v>
      </c>
      <c r="N177" s="3" t="s">
        <v>52</v>
      </c>
      <c r="O177" s="3" t="s">
        <v>53</v>
      </c>
      <c r="P177" s="3" t="s">
        <v>54</v>
      </c>
      <c r="Q177" s="3" t="s">
        <v>37</v>
      </c>
      <c r="R177" s="3" t="s">
        <v>38</v>
      </c>
      <c r="S177" s="3" t="s">
        <v>649</v>
      </c>
      <c r="T177" s="3" t="s">
        <v>37</v>
      </c>
      <c r="U177" s="3" t="s">
        <v>37</v>
      </c>
      <c r="V177" s="3" t="s">
        <v>37</v>
      </c>
    </row>
    <row r="178" spans="1:22" x14ac:dyDescent="0.25">
      <c r="A178" s="3" t="s">
        <v>22</v>
      </c>
      <c r="B178" s="4" t="s">
        <v>623</v>
      </c>
      <c r="C178" s="3" t="s">
        <v>624</v>
      </c>
      <c r="D178" s="5" t="s">
        <v>310</v>
      </c>
      <c r="E178" s="3" t="s">
        <v>46</v>
      </c>
      <c r="F178" s="3" t="s">
        <v>650</v>
      </c>
      <c r="G178" s="3" t="s">
        <v>609</v>
      </c>
      <c r="H178" s="3" t="s">
        <v>49</v>
      </c>
      <c r="I178" s="3" t="s">
        <v>50</v>
      </c>
      <c r="J178" s="3" t="s">
        <v>651</v>
      </c>
      <c r="K178" s="3" t="s">
        <v>32</v>
      </c>
      <c r="L178" s="3" t="s">
        <v>33</v>
      </c>
      <c r="M178" s="3" t="s">
        <v>34</v>
      </c>
      <c r="N178" s="3" t="s">
        <v>52</v>
      </c>
      <c r="O178" s="3" t="s">
        <v>53</v>
      </c>
      <c r="P178" s="3" t="s">
        <v>54</v>
      </c>
      <c r="Q178" s="3" t="s">
        <v>37</v>
      </c>
      <c r="R178" s="3" t="s">
        <v>38</v>
      </c>
      <c r="S178" s="3" t="s">
        <v>652</v>
      </c>
      <c r="T178" s="3" t="s">
        <v>37</v>
      </c>
      <c r="U178" s="3" t="s">
        <v>37</v>
      </c>
      <c r="V178" s="3" t="s">
        <v>37</v>
      </c>
    </row>
    <row r="179" spans="1:22" x14ac:dyDescent="0.25">
      <c r="A179" s="3" t="s">
        <v>22</v>
      </c>
      <c r="B179" s="4" t="s">
        <v>623</v>
      </c>
      <c r="C179" s="3" t="s">
        <v>624</v>
      </c>
      <c r="D179" s="5" t="s">
        <v>653</v>
      </c>
      <c r="E179" s="3" t="s">
        <v>46</v>
      </c>
      <c r="F179" s="3" t="s">
        <v>654</v>
      </c>
      <c r="G179" s="3" t="s">
        <v>156</v>
      </c>
      <c r="H179" s="3" t="s">
        <v>49</v>
      </c>
      <c r="I179" s="3" t="s">
        <v>50</v>
      </c>
      <c r="J179" s="3" t="s">
        <v>655</v>
      </c>
      <c r="K179" s="3" t="s">
        <v>32</v>
      </c>
      <c r="L179" s="3" t="s">
        <v>33</v>
      </c>
      <c r="M179" s="3" t="s">
        <v>34</v>
      </c>
      <c r="N179" s="3" t="s">
        <v>52</v>
      </c>
      <c r="O179" s="3" t="s">
        <v>53</v>
      </c>
      <c r="P179" s="3" t="s">
        <v>54</v>
      </c>
      <c r="Q179" s="3" t="s">
        <v>37</v>
      </c>
      <c r="R179" s="3" t="s">
        <v>38</v>
      </c>
      <c r="S179" s="3" t="s">
        <v>656</v>
      </c>
      <c r="T179" s="3" t="s">
        <v>37</v>
      </c>
      <c r="U179" s="3" t="s">
        <v>37</v>
      </c>
      <c r="V179" s="3" t="s">
        <v>37</v>
      </c>
    </row>
    <row r="180" spans="1:22" x14ac:dyDescent="0.25">
      <c r="A180" s="3" t="s">
        <v>22</v>
      </c>
      <c r="B180" s="4" t="s">
        <v>623</v>
      </c>
      <c r="C180" s="3" t="s">
        <v>624</v>
      </c>
      <c r="D180" s="5" t="s">
        <v>657</v>
      </c>
      <c r="E180" s="3" t="s">
        <v>125</v>
      </c>
      <c r="F180" s="3" t="s">
        <v>658</v>
      </c>
      <c r="G180" s="3" t="s">
        <v>139</v>
      </c>
      <c r="H180" s="3" t="s">
        <v>49</v>
      </c>
      <c r="I180" s="3" t="s">
        <v>37</v>
      </c>
      <c r="J180" s="3" t="s">
        <v>659</v>
      </c>
      <c r="K180" s="3" t="s">
        <v>32</v>
      </c>
      <c r="L180" s="3" t="s">
        <v>33</v>
      </c>
      <c r="M180" s="3" t="s">
        <v>67</v>
      </c>
      <c r="N180" s="3" t="s">
        <v>74</v>
      </c>
      <c r="O180" s="3" t="s">
        <v>53</v>
      </c>
      <c r="P180" s="3" t="s">
        <v>37</v>
      </c>
      <c r="Q180" s="3" t="s">
        <v>37</v>
      </c>
      <c r="R180" s="3" t="s">
        <v>38</v>
      </c>
      <c r="S180" s="3" t="s">
        <v>660</v>
      </c>
      <c r="T180" s="3" t="s">
        <v>181</v>
      </c>
      <c r="U180" s="3" t="s">
        <v>37</v>
      </c>
      <c r="V180" s="3" t="s">
        <v>37</v>
      </c>
    </row>
    <row r="181" spans="1:22" x14ac:dyDescent="0.25">
      <c r="A181" s="3" t="s">
        <v>22</v>
      </c>
      <c r="B181" s="4" t="s">
        <v>623</v>
      </c>
      <c r="C181" s="3" t="s">
        <v>624</v>
      </c>
      <c r="D181" s="5" t="s">
        <v>661</v>
      </c>
      <c r="E181" s="3" t="s">
        <v>125</v>
      </c>
      <c r="F181" s="3" t="s">
        <v>391</v>
      </c>
      <c r="G181" s="3" t="s">
        <v>248</v>
      </c>
      <c r="H181" s="3" t="s">
        <v>29</v>
      </c>
      <c r="I181" s="3" t="s">
        <v>132</v>
      </c>
      <c r="J181" s="3" t="s">
        <v>392</v>
      </c>
      <c r="K181" s="3" t="s">
        <v>32</v>
      </c>
      <c r="L181" s="3" t="s">
        <v>33</v>
      </c>
      <c r="M181" s="3" t="s">
        <v>67</v>
      </c>
      <c r="N181" s="3" t="s">
        <v>52</v>
      </c>
      <c r="O181" s="3" t="s">
        <v>36</v>
      </c>
      <c r="P181" s="3" t="s">
        <v>54</v>
      </c>
      <c r="Q181" s="3" t="s">
        <v>37</v>
      </c>
      <c r="R181" s="3" t="s">
        <v>38</v>
      </c>
      <c r="S181" s="3" t="s">
        <v>393</v>
      </c>
      <c r="T181" s="3" t="s">
        <v>37</v>
      </c>
      <c r="U181" s="3" t="s">
        <v>37</v>
      </c>
      <c r="V181" s="3" t="s">
        <v>37</v>
      </c>
    </row>
    <row r="182" spans="1:22" x14ac:dyDescent="0.25">
      <c r="A182" s="3" t="s">
        <v>22</v>
      </c>
      <c r="B182" s="4" t="s">
        <v>623</v>
      </c>
      <c r="C182" s="3" t="s">
        <v>624</v>
      </c>
      <c r="D182" s="5" t="s">
        <v>662</v>
      </c>
      <c r="E182" s="3" t="s">
        <v>125</v>
      </c>
      <c r="F182" s="3" t="s">
        <v>663</v>
      </c>
      <c r="G182" s="3" t="s">
        <v>470</v>
      </c>
      <c r="H182" s="3" t="s">
        <v>29</v>
      </c>
      <c r="I182" s="3" t="s">
        <v>388</v>
      </c>
      <c r="J182" s="3" t="s">
        <v>664</v>
      </c>
      <c r="K182" s="3" t="s">
        <v>32</v>
      </c>
      <c r="L182" s="3" t="s">
        <v>33</v>
      </c>
      <c r="M182" s="3" t="s">
        <v>67</v>
      </c>
      <c r="N182" s="3" t="s">
        <v>52</v>
      </c>
      <c r="O182" s="3" t="s">
        <v>53</v>
      </c>
      <c r="P182" s="3" t="s">
        <v>54</v>
      </c>
      <c r="Q182" s="3" t="s">
        <v>37</v>
      </c>
      <c r="R182" s="3" t="s">
        <v>38</v>
      </c>
      <c r="S182" s="3" t="s">
        <v>665</v>
      </c>
      <c r="T182" s="3" t="s">
        <v>37</v>
      </c>
      <c r="U182" s="3" t="s">
        <v>37</v>
      </c>
      <c r="V182" s="3" t="s">
        <v>383</v>
      </c>
    </row>
    <row r="183" spans="1:22" x14ac:dyDescent="0.25">
      <c r="A183" s="3" t="s">
        <v>22</v>
      </c>
      <c r="B183" s="4" t="s">
        <v>623</v>
      </c>
      <c r="C183" s="3" t="s">
        <v>624</v>
      </c>
      <c r="D183" s="5" t="s">
        <v>145</v>
      </c>
      <c r="E183" s="3" t="s">
        <v>46</v>
      </c>
      <c r="F183" s="3" t="s">
        <v>47</v>
      </c>
      <c r="G183" s="3" t="s">
        <v>48</v>
      </c>
      <c r="H183" s="3" t="s">
        <v>49</v>
      </c>
      <c r="I183" s="3" t="s">
        <v>50</v>
      </c>
      <c r="J183" s="3" t="s">
        <v>51</v>
      </c>
      <c r="K183" s="3" t="s">
        <v>32</v>
      </c>
      <c r="L183" s="3" t="s">
        <v>33</v>
      </c>
      <c r="M183" s="3" t="s">
        <v>34</v>
      </c>
      <c r="N183" s="3" t="s">
        <v>52</v>
      </c>
      <c r="O183" s="3" t="s">
        <v>53</v>
      </c>
      <c r="P183" s="3" t="s">
        <v>54</v>
      </c>
      <c r="Q183" s="3" t="s">
        <v>37</v>
      </c>
      <c r="R183" s="3" t="s">
        <v>38</v>
      </c>
      <c r="S183" s="3" t="s">
        <v>55</v>
      </c>
      <c r="T183" s="3" t="s">
        <v>37</v>
      </c>
      <c r="U183" s="3" t="s">
        <v>37</v>
      </c>
      <c r="V183" s="3" t="s">
        <v>37</v>
      </c>
    </row>
    <row r="184" spans="1:22" x14ac:dyDescent="0.25">
      <c r="A184" s="3" t="s">
        <v>22</v>
      </c>
      <c r="B184" s="4" t="s">
        <v>623</v>
      </c>
      <c r="C184" s="3" t="s">
        <v>624</v>
      </c>
      <c r="D184" s="5" t="s">
        <v>154</v>
      </c>
      <c r="E184" s="3" t="s">
        <v>46</v>
      </c>
      <c r="F184" s="3" t="s">
        <v>261</v>
      </c>
      <c r="G184" s="3" t="s">
        <v>262</v>
      </c>
      <c r="H184" s="3" t="s">
        <v>49</v>
      </c>
      <c r="I184" s="3" t="s">
        <v>50</v>
      </c>
      <c r="J184" s="3" t="s">
        <v>263</v>
      </c>
      <c r="K184" s="3" t="s">
        <v>32</v>
      </c>
      <c r="L184" s="3" t="s">
        <v>33</v>
      </c>
      <c r="M184" s="3" t="s">
        <v>34</v>
      </c>
      <c r="N184" s="3" t="s">
        <v>52</v>
      </c>
      <c r="O184" s="3" t="s">
        <v>53</v>
      </c>
      <c r="P184" s="3" t="s">
        <v>54</v>
      </c>
      <c r="Q184" s="3" t="s">
        <v>37</v>
      </c>
      <c r="R184" s="3" t="s">
        <v>38</v>
      </c>
      <c r="S184" s="3" t="s">
        <v>264</v>
      </c>
      <c r="T184" s="3" t="s">
        <v>37</v>
      </c>
      <c r="U184" s="3" t="s">
        <v>37</v>
      </c>
      <c r="V184" s="3" t="s">
        <v>37</v>
      </c>
    </row>
    <row r="185" spans="1:22" x14ac:dyDescent="0.25">
      <c r="A185" s="3" t="s">
        <v>22</v>
      </c>
      <c r="B185" s="4" t="s">
        <v>623</v>
      </c>
      <c r="C185" s="3" t="s">
        <v>624</v>
      </c>
      <c r="D185" s="5" t="s">
        <v>159</v>
      </c>
      <c r="E185" s="3" t="s">
        <v>46</v>
      </c>
      <c r="F185" s="3" t="s">
        <v>297</v>
      </c>
      <c r="G185" s="3" t="s">
        <v>147</v>
      </c>
      <c r="H185" s="3" t="s">
        <v>49</v>
      </c>
      <c r="I185" s="3" t="s">
        <v>50</v>
      </c>
      <c r="J185" s="3" t="s">
        <v>298</v>
      </c>
      <c r="K185" s="3" t="s">
        <v>32</v>
      </c>
      <c r="L185" s="3" t="s">
        <v>33</v>
      </c>
      <c r="M185" s="3" t="s">
        <v>34</v>
      </c>
      <c r="N185" s="3" t="s">
        <v>52</v>
      </c>
      <c r="O185" s="3" t="s">
        <v>53</v>
      </c>
      <c r="P185" s="3" t="s">
        <v>54</v>
      </c>
      <c r="Q185" s="3" t="s">
        <v>37</v>
      </c>
      <c r="R185" s="3" t="s">
        <v>38</v>
      </c>
      <c r="S185" s="3" t="s">
        <v>299</v>
      </c>
      <c r="T185" s="3" t="s">
        <v>37</v>
      </c>
      <c r="U185" s="3" t="s">
        <v>37</v>
      </c>
      <c r="V185" s="3" t="s">
        <v>37</v>
      </c>
    </row>
    <row r="186" spans="1:22" x14ac:dyDescent="0.25">
      <c r="A186" s="3" t="s">
        <v>22</v>
      </c>
      <c r="B186" s="4" t="s">
        <v>623</v>
      </c>
      <c r="C186" s="3" t="s">
        <v>624</v>
      </c>
      <c r="D186" s="5" t="s">
        <v>164</v>
      </c>
      <c r="E186" s="3" t="s">
        <v>46</v>
      </c>
      <c r="F186" s="3" t="s">
        <v>469</v>
      </c>
      <c r="G186" s="3" t="s">
        <v>470</v>
      </c>
      <c r="H186" s="3" t="s">
        <v>29</v>
      </c>
      <c r="I186" s="3" t="s">
        <v>50</v>
      </c>
      <c r="J186" s="3" t="s">
        <v>471</v>
      </c>
      <c r="K186" s="3" t="s">
        <v>32</v>
      </c>
      <c r="L186" s="3" t="s">
        <v>33</v>
      </c>
      <c r="M186" s="3" t="s">
        <v>34</v>
      </c>
      <c r="N186" s="3" t="s">
        <v>117</v>
      </c>
      <c r="O186" s="3" t="s">
        <v>53</v>
      </c>
      <c r="P186" s="3" t="s">
        <v>54</v>
      </c>
      <c r="Q186" s="3" t="s">
        <v>37</v>
      </c>
      <c r="R186" s="3" t="s">
        <v>38</v>
      </c>
      <c r="S186" s="3" t="s">
        <v>472</v>
      </c>
      <c r="T186" s="3" t="s">
        <v>37</v>
      </c>
      <c r="U186" s="3" t="s">
        <v>37</v>
      </c>
      <c r="V186" s="3" t="s">
        <v>37</v>
      </c>
    </row>
    <row r="187" spans="1:22" x14ac:dyDescent="0.25">
      <c r="A187" s="3" t="s">
        <v>22</v>
      </c>
      <c r="B187" s="4" t="s">
        <v>623</v>
      </c>
      <c r="C187" s="3" t="s">
        <v>624</v>
      </c>
      <c r="D187" s="5" t="s">
        <v>169</v>
      </c>
      <c r="E187" s="3" t="s">
        <v>46</v>
      </c>
      <c r="F187" s="3" t="s">
        <v>355</v>
      </c>
      <c r="G187" s="3" t="s">
        <v>139</v>
      </c>
      <c r="H187" s="3" t="s">
        <v>29</v>
      </c>
      <c r="I187" s="3" t="s">
        <v>50</v>
      </c>
      <c r="J187" s="3" t="s">
        <v>356</v>
      </c>
      <c r="K187" s="3" t="s">
        <v>32</v>
      </c>
      <c r="L187" s="3" t="s">
        <v>33</v>
      </c>
      <c r="M187" s="3" t="s">
        <v>34</v>
      </c>
      <c r="N187" s="3" t="s">
        <v>117</v>
      </c>
      <c r="O187" s="3" t="s">
        <v>53</v>
      </c>
      <c r="P187" s="3" t="s">
        <v>54</v>
      </c>
      <c r="Q187" s="3" t="s">
        <v>37</v>
      </c>
      <c r="R187" s="3" t="s">
        <v>38</v>
      </c>
      <c r="S187" s="3" t="s">
        <v>357</v>
      </c>
      <c r="T187" s="3" t="s">
        <v>37</v>
      </c>
      <c r="U187" s="3" t="s">
        <v>37</v>
      </c>
      <c r="V187" s="3" t="s">
        <v>37</v>
      </c>
    </row>
    <row r="188" spans="1:22" x14ac:dyDescent="0.25">
      <c r="A188" s="3" t="s">
        <v>22</v>
      </c>
      <c r="B188" s="4" t="s">
        <v>623</v>
      </c>
      <c r="C188" s="3" t="s">
        <v>624</v>
      </c>
      <c r="D188" s="5" t="s">
        <v>174</v>
      </c>
      <c r="E188" s="3" t="s">
        <v>46</v>
      </c>
      <c r="F188" s="3" t="s">
        <v>666</v>
      </c>
      <c r="G188" s="3" t="s">
        <v>283</v>
      </c>
      <c r="H188" s="3" t="s">
        <v>29</v>
      </c>
      <c r="I188" s="3" t="s">
        <v>50</v>
      </c>
      <c r="J188" s="3" t="s">
        <v>667</v>
      </c>
      <c r="K188" s="3" t="s">
        <v>32</v>
      </c>
      <c r="L188" s="3" t="s">
        <v>33</v>
      </c>
      <c r="M188" s="3" t="s">
        <v>34</v>
      </c>
      <c r="N188" s="3" t="s">
        <v>117</v>
      </c>
      <c r="O188" s="3" t="s">
        <v>53</v>
      </c>
      <c r="P188" s="3" t="s">
        <v>54</v>
      </c>
      <c r="Q188" s="3" t="s">
        <v>37</v>
      </c>
      <c r="R188" s="3" t="s">
        <v>38</v>
      </c>
      <c r="S188" s="3" t="s">
        <v>668</v>
      </c>
      <c r="T188" s="3" t="s">
        <v>37</v>
      </c>
      <c r="U188" s="3" t="s">
        <v>37</v>
      </c>
      <c r="V188" s="3" t="s">
        <v>37</v>
      </c>
    </row>
    <row r="189" spans="1:22" x14ac:dyDescent="0.25">
      <c r="A189" s="3" t="s">
        <v>22</v>
      </c>
      <c r="B189" s="4" t="s">
        <v>623</v>
      </c>
      <c r="C189" s="3" t="s">
        <v>624</v>
      </c>
      <c r="D189" s="5" t="s">
        <v>182</v>
      </c>
      <c r="E189" s="3" t="s">
        <v>46</v>
      </c>
      <c r="F189" s="3" t="s">
        <v>669</v>
      </c>
      <c r="G189" s="3" t="s">
        <v>288</v>
      </c>
      <c r="H189" s="3" t="s">
        <v>29</v>
      </c>
      <c r="I189" s="3" t="s">
        <v>50</v>
      </c>
      <c r="J189" s="3" t="s">
        <v>670</v>
      </c>
      <c r="K189" s="3" t="s">
        <v>32</v>
      </c>
      <c r="L189" s="3" t="s">
        <v>33</v>
      </c>
      <c r="M189" s="3" t="s">
        <v>34</v>
      </c>
      <c r="N189" s="3" t="s">
        <v>117</v>
      </c>
      <c r="O189" s="3" t="s">
        <v>53</v>
      </c>
      <c r="P189" s="3" t="s">
        <v>54</v>
      </c>
      <c r="Q189" s="3" t="s">
        <v>37</v>
      </c>
      <c r="R189" s="3" t="s">
        <v>38</v>
      </c>
      <c r="S189" s="3" t="s">
        <v>671</v>
      </c>
      <c r="T189" s="3" t="s">
        <v>37</v>
      </c>
      <c r="U189" s="3" t="s">
        <v>37</v>
      </c>
      <c r="V189" s="3" t="s">
        <v>37</v>
      </c>
    </row>
    <row r="190" spans="1:22" x14ac:dyDescent="0.25">
      <c r="A190" s="3" t="s">
        <v>22</v>
      </c>
      <c r="B190" s="4" t="s">
        <v>623</v>
      </c>
      <c r="C190" s="3" t="s">
        <v>624</v>
      </c>
      <c r="D190" s="5" t="s">
        <v>187</v>
      </c>
      <c r="E190" s="3" t="s">
        <v>46</v>
      </c>
      <c r="F190" s="3" t="s">
        <v>672</v>
      </c>
      <c r="G190" s="3" t="s">
        <v>524</v>
      </c>
      <c r="H190" s="3" t="s">
        <v>29</v>
      </c>
      <c r="I190" s="3" t="s">
        <v>50</v>
      </c>
      <c r="J190" s="3" t="s">
        <v>673</v>
      </c>
      <c r="K190" s="3" t="s">
        <v>32</v>
      </c>
      <c r="L190" s="3" t="s">
        <v>33</v>
      </c>
      <c r="M190" s="3" t="s">
        <v>34</v>
      </c>
      <c r="N190" s="3" t="s">
        <v>117</v>
      </c>
      <c r="O190" s="3" t="s">
        <v>53</v>
      </c>
      <c r="P190" s="3" t="s">
        <v>54</v>
      </c>
      <c r="Q190" s="3" t="s">
        <v>37</v>
      </c>
      <c r="R190" s="3" t="s">
        <v>38</v>
      </c>
      <c r="S190" s="3" t="s">
        <v>674</v>
      </c>
      <c r="T190" s="3" t="s">
        <v>37</v>
      </c>
      <c r="U190" s="3" t="s">
        <v>37</v>
      </c>
      <c r="V190" s="3" t="s">
        <v>37</v>
      </c>
    </row>
    <row r="191" spans="1:22" x14ac:dyDescent="0.25">
      <c r="A191" s="3" t="s">
        <v>22</v>
      </c>
      <c r="B191" s="4" t="s">
        <v>623</v>
      </c>
      <c r="C191" s="3" t="s">
        <v>624</v>
      </c>
      <c r="D191" s="5" t="s">
        <v>192</v>
      </c>
      <c r="E191" s="3" t="s">
        <v>70</v>
      </c>
      <c r="F191" s="3" t="s">
        <v>675</v>
      </c>
      <c r="G191" s="3" t="s">
        <v>676</v>
      </c>
      <c r="H191" s="3" t="s">
        <v>49</v>
      </c>
      <c r="I191" s="3" t="s">
        <v>37</v>
      </c>
      <c r="J191" s="3" t="s">
        <v>677</v>
      </c>
      <c r="K191" s="3" t="s">
        <v>32</v>
      </c>
      <c r="L191" s="3" t="s">
        <v>33</v>
      </c>
      <c r="M191" s="3" t="s">
        <v>67</v>
      </c>
      <c r="N191" s="3" t="s">
        <v>74</v>
      </c>
      <c r="O191" s="3" t="s">
        <v>53</v>
      </c>
      <c r="P191" s="3" t="s">
        <v>54</v>
      </c>
      <c r="Q191" s="3" t="s">
        <v>37</v>
      </c>
      <c r="R191" s="3" t="s">
        <v>38</v>
      </c>
      <c r="S191" s="3" t="s">
        <v>678</v>
      </c>
      <c r="T191" s="3" t="s">
        <v>37</v>
      </c>
      <c r="U191" s="3" t="s">
        <v>37</v>
      </c>
      <c r="V191" s="3" t="s">
        <v>37</v>
      </c>
    </row>
    <row r="192" spans="1:22" x14ac:dyDescent="0.25">
      <c r="A192" s="3" t="s">
        <v>22</v>
      </c>
      <c r="B192" s="4" t="s">
        <v>623</v>
      </c>
      <c r="C192" s="3" t="s">
        <v>624</v>
      </c>
      <c r="D192" s="5" t="s">
        <v>197</v>
      </c>
      <c r="E192" s="3" t="s">
        <v>70</v>
      </c>
      <c r="F192" s="3" t="s">
        <v>679</v>
      </c>
      <c r="G192" s="3" t="s">
        <v>680</v>
      </c>
      <c r="H192" s="3" t="s">
        <v>49</v>
      </c>
      <c r="I192" s="3" t="s">
        <v>37</v>
      </c>
      <c r="J192" s="3" t="s">
        <v>681</v>
      </c>
      <c r="K192" s="3" t="s">
        <v>32</v>
      </c>
      <c r="L192" s="3" t="s">
        <v>33</v>
      </c>
      <c r="M192" s="3" t="s">
        <v>67</v>
      </c>
      <c r="N192" s="3" t="s">
        <v>74</v>
      </c>
      <c r="O192" s="3" t="s">
        <v>53</v>
      </c>
      <c r="P192" s="3" t="s">
        <v>54</v>
      </c>
      <c r="Q192" s="3" t="s">
        <v>37</v>
      </c>
      <c r="R192" s="3" t="s">
        <v>38</v>
      </c>
      <c r="S192" s="3" t="s">
        <v>682</v>
      </c>
      <c r="T192" s="3" t="s">
        <v>37</v>
      </c>
      <c r="U192" s="3" t="s">
        <v>37</v>
      </c>
      <c r="V192" s="3" t="s">
        <v>37</v>
      </c>
    </row>
    <row r="193" spans="1:22" x14ac:dyDescent="0.25">
      <c r="A193" s="3" t="s">
        <v>22</v>
      </c>
      <c r="B193" s="4" t="s">
        <v>623</v>
      </c>
      <c r="C193" s="3" t="s">
        <v>624</v>
      </c>
      <c r="D193" s="5" t="s">
        <v>498</v>
      </c>
      <c r="E193" s="3" t="s">
        <v>499</v>
      </c>
      <c r="F193" s="3" t="s">
        <v>683</v>
      </c>
      <c r="G193" s="3" t="s">
        <v>455</v>
      </c>
      <c r="H193" s="3" t="s">
        <v>29</v>
      </c>
      <c r="I193" s="3" t="s">
        <v>502</v>
      </c>
      <c r="J193" s="3" t="s">
        <v>684</v>
      </c>
      <c r="K193" s="3" t="s">
        <v>32</v>
      </c>
      <c r="L193" s="3" t="s">
        <v>37</v>
      </c>
      <c r="M193" s="3" t="s">
        <v>34</v>
      </c>
      <c r="N193" s="3" t="s">
        <v>142</v>
      </c>
      <c r="O193" s="3" t="s">
        <v>179</v>
      </c>
      <c r="P193" s="3" t="s">
        <v>37</v>
      </c>
      <c r="Q193" s="3" t="s">
        <v>37</v>
      </c>
      <c r="R193" s="3" t="s">
        <v>38</v>
      </c>
      <c r="S193" s="3" t="s">
        <v>685</v>
      </c>
      <c r="T193" s="3" t="s">
        <v>37</v>
      </c>
      <c r="U193" s="3" t="s">
        <v>37</v>
      </c>
      <c r="V193" s="3" t="s">
        <v>37</v>
      </c>
    </row>
    <row r="194" spans="1:22" x14ac:dyDescent="0.25">
      <c r="A194" s="3" t="s">
        <v>22</v>
      </c>
      <c r="B194" s="4" t="s">
        <v>623</v>
      </c>
      <c r="C194" s="3" t="s">
        <v>624</v>
      </c>
      <c r="D194" s="5" t="s">
        <v>505</v>
      </c>
      <c r="E194" s="3" t="s">
        <v>499</v>
      </c>
      <c r="F194" s="3" t="s">
        <v>686</v>
      </c>
      <c r="G194" s="3" t="s">
        <v>460</v>
      </c>
      <c r="H194" s="3" t="s">
        <v>29</v>
      </c>
      <c r="I194" s="3" t="s">
        <v>502</v>
      </c>
      <c r="J194" s="3" t="s">
        <v>687</v>
      </c>
      <c r="K194" s="3" t="s">
        <v>32</v>
      </c>
      <c r="L194" s="3" t="s">
        <v>37</v>
      </c>
      <c r="M194" s="3" t="s">
        <v>34</v>
      </c>
      <c r="N194" s="3" t="s">
        <v>142</v>
      </c>
      <c r="O194" s="3" t="s">
        <v>179</v>
      </c>
      <c r="P194" s="3" t="s">
        <v>37</v>
      </c>
      <c r="Q194" s="3" t="s">
        <v>37</v>
      </c>
      <c r="R194" s="3" t="s">
        <v>38</v>
      </c>
      <c r="S194" s="3" t="s">
        <v>688</v>
      </c>
      <c r="T194" s="3" t="s">
        <v>37</v>
      </c>
      <c r="U194" s="3" t="s">
        <v>37</v>
      </c>
      <c r="V194" s="3" t="s">
        <v>37</v>
      </c>
    </row>
    <row r="195" spans="1:22" x14ac:dyDescent="0.25">
      <c r="A195" s="3" t="s">
        <v>22</v>
      </c>
      <c r="B195" s="4" t="s">
        <v>623</v>
      </c>
      <c r="C195" s="3" t="s">
        <v>624</v>
      </c>
      <c r="D195" s="5" t="s">
        <v>212</v>
      </c>
      <c r="E195" s="3" t="s">
        <v>510</v>
      </c>
      <c r="F195" s="3" t="s">
        <v>689</v>
      </c>
      <c r="G195" s="3" t="s">
        <v>156</v>
      </c>
      <c r="H195" s="3" t="s">
        <v>325</v>
      </c>
      <c r="I195" s="3" t="s">
        <v>37</v>
      </c>
      <c r="J195" s="3" t="s">
        <v>690</v>
      </c>
      <c r="K195" s="3" t="s">
        <v>32</v>
      </c>
      <c r="L195" s="3" t="s">
        <v>110</v>
      </c>
      <c r="M195" s="3" t="s">
        <v>67</v>
      </c>
      <c r="N195" s="3" t="s">
        <v>52</v>
      </c>
      <c r="O195" s="3" t="s">
        <v>179</v>
      </c>
      <c r="P195" s="3" t="s">
        <v>54</v>
      </c>
      <c r="Q195" s="3" t="s">
        <v>37</v>
      </c>
      <c r="R195" s="3" t="s">
        <v>38</v>
      </c>
      <c r="S195" s="3" t="s">
        <v>691</v>
      </c>
      <c r="T195" s="3" t="s">
        <v>37</v>
      </c>
      <c r="U195" s="3" t="s">
        <v>37</v>
      </c>
      <c r="V195" s="3" t="s">
        <v>37</v>
      </c>
    </row>
    <row r="196" spans="1:22" x14ac:dyDescent="0.25">
      <c r="A196" s="3" t="s">
        <v>22</v>
      </c>
      <c r="B196" s="4" t="s">
        <v>623</v>
      </c>
      <c r="C196" s="3" t="s">
        <v>624</v>
      </c>
      <c r="D196" s="5" t="s">
        <v>217</v>
      </c>
      <c r="E196" s="3" t="s">
        <v>510</v>
      </c>
      <c r="F196" s="3" t="s">
        <v>692</v>
      </c>
      <c r="G196" s="3" t="s">
        <v>693</v>
      </c>
      <c r="H196" s="3" t="s">
        <v>325</v>
      </c>
      <c r="I196" s="3" t="s">
        <v>37</v>
      </c>
      <c r="J196" s="3" t="s">
        <v>694</v>
      </c>
      <c r="K196" s="3" t="s">
        <v>32</v>
      </c>
      <c r="L196" s="3" t="s">
        <v>110</v>
      </c>
      <c r="M196" s="3" t="s">
        <v>67</v>
      </c>
      <c r="N196" s="3" t="s">
        <v>52</v>
      </c>
      <c r="O196" s="3" t="s">
        <v>36</v>
      </c>
      <c r="P196" s="3" t="s">
        <v>54</v>
      </c>
      <c r="Q196" s="3" t="s">
        <v>37</v>
      </c>
      <c r="R196" s="3" t="s">
        <v>38</v>
      </c>
      <c r="S196" s="3" t="s">
        <v>695</v>
      </c>
      <c r="T196" s="3" t="s">
        <v>37</v>
      </c>
      <c r="U196" s="3" t="s">
        <v>37</v>
      </c>
      <c r="V196" s="3" t="s">
        <v>37</v>
      </c>
    </row>
    <row r="197" spans="1:22" x14ac:dyDescent="0.25">
      <c r="A197" s="3" t="s">
        <v>22</v>
      </c>
      <c r="B197" s="4" t="s">
        <v>623</v>
      </c>
      <c r="C197" s="3" t="s">
        <v>624</v>
      </c>
      <c r="D197" s="5" t="s">
        <v>221</v>
      </c>
      <c r="E197" s="3" t="s">
        <v>183</v>
      </c>
      <c r="F197" s="3" t="s">
        <v>696</v>
      </c>
      <c r="G197" s="3" t="s">
        <v>28</v>
      </c>
      <c r="H197" s="3" t="s">
        <v>29</v>
      </c>
      <c r="I197" s="3" t="s">
        <v>37</v>
      </c>
      <c r="J197" s="3" t="s">
        <v>697</v>
      </c>
      <c r="K197" s="3" t="s">
        <v>32</v>
      </c>
      <c r="L197" s="3" t="s">
        <v>110</v>
      </c>
      <c r="M197" s="3" t="s">
        <v>67</v>
      </c>
      <c r="N197" s="3" t="s">
        <v>74</v>
      </c>
      <c r="O197" s="3" t="s">
        <v>36</v>
      </c>
      <c r="P197" s="3" t="s">
        <v>54</v>
      </c>
      <c r="Q197" s="3" t="s">
        <v>37</v>
      </c>
      <c r="R197" s="3" t="s">
        <v>38</v>
      </c>
      <c r="S197" s="3" t="s">
        <v>698</v>
      </c>
      <c r="T197" s="3" t="s">
        <v>37</v>
      </c>
      <c r="U197" s="3" t="s">
        <v>37</v>
      </c>
      <c r="V197" s="3" t="s">
        <v>37</v>
      </c>
    </row>
    <row r="198" spans="1:22" x14ac:dyDescent="0.25">
      <c r="A198" s="3" t="s">
        <v>22</v>
      </c>
      <c r="B198" s="4" t="s">
        <v>623</v>
      </c>
      <c r="C198" s="3" t="s">
        <v>624</v>
      </c>
      <c r="D198" s="5" t="s">
        <v>222</v>
      </c>
      <c r="E198" s="3" t="s">
        <v>183</v>
      </c>
      <c r="F198" s="3" t="s">
        <v>699</v>
      </c>
      <c r="G198" s="3" t="s">
        <v>42</v>
      </c>
      <c r="H198" s="3" t="s">
        <v>29</v>
      </c>
      <c r="I198" s="3" t="s">
        <v>37</v>
      </c>
      <c r="J198" s="3" t="s">
        <v>700</v>
      </c>
      <c r="K198" s="3" t="s">
        <v>32</v>
      </c>
      <c r="L198" s="3" t="s">
        <v>110</v>
      </c>
      <c r="M198" s="3" t="s">
        <v>67</v>
      </c>
      <c r="N198" s="3" t="s">
        <v>74</v>
      </c>
      <c r="O198" s="3" t="s">
        <v>36</v>
      </c>
      <c r="P198" s="3" t="s">
        <v>54</v>
      </c>
      <c r="Q198" s="3" t="s">
        <v>37</v>
      </c>
      <c r="R198" s="3" t="s">
        <v>38</v>
      </c>
      <c r="S198" s="3" t="s">
        <v>701</v>
      </c>
      <c r="T198" s="3" t="s">
        <v>37</v>
      </c>
      <c r="U198" s="3" t="s">
        <v>37</v>
      </c>
      <c r="V198" s="3" t="s">
        <v>37</v>
      </c>
    </row>
    <row r="199" spans="1:22" x14ac:dyDescent="0.25">
      <c r="A199" s="3" t="s">
        <v>22</v>
      </c>
      <c r="B199" s="4" t="s">
        <v>623</v>
      </c>
      <c r="C199" s="3" t="s">
        <v>624</v>
      </c>
      <c r="D199" s="5" t="s">
        <v>226</v>
      </c>
      <c r="E199" s="3" t="s">
        <v>527</v>
      </c>
      <c r="F199" s="3" t="s">
        <v>702</v>
      </c>
      <c r="G199" s="3" t="s">
        <v>703</v>
      </c>
      <c r="H199" s="3" t="s">
        <v>29</v>
      </c>
      <c r="I199" s="3" t="s">
        <v>704</v>
      </c>
      <c r="J199" s="3" t="s">
        <v>705</v>
      </c>
      <c r="K199" s="3" t="s">
        <v>32</v>
      </c>
      <c r="L199" s="3" t="s">
        <v>110</v>
      </c>
      <c r="M199" s="3" t="s">
        <v>532</v>
      </c>
      <c r="N199" s="3" t="s">
        <v>533</v>
      </c>
      <c r="O199" s="3" t="s">
        <v>706</v>
      </c>
      <c r="P199" s="3" t="s">
        <v>54</v>
      </c>
      <c r="Q199" s="3" t="s">
        <v>85</v>
      </c>
      <c r="R199" s="3" t="s">
        <v>38</v>
      </c>
      <c r="S199" s="3" t="s">
        <v>707</v>
      </c>
      <c r="T199" s="3" t="s">
        <v>37</v>
      </c>
      <c r="U199" s="3" t="s">
        <v>37</v>
      </c>
      <c r="V199" s="3" t="s">
        <v>37</v>
      </c>
    </row>
    <row r="200" spans="1:22" x14ac:dyDescent="0.25">
      <c r="A200" s="3"/>
      <c r="B200" s="4"/>
      <c r="C200" s="3"/>
      <c r="D200" s="5"/>
      <c r="E200" s="6" t="s">
        <v>236</v>
      </c>
      <c r="F200" s="3"/>
      <c r="G200" s="3"/>
      <c r="H200" s="3"/>
      <c r="I200" s="3"/>
      <c r="J200" s="3"/>
      <c r="K200" s="3"/>
      <c r="L200" s="3"/>
      <c r="M200" s="3"/>
      <c r="N200" s="3"/>
      <c r="O200" s="3"/>
      <c r="P200" s="3"/>
      <c r="Q200" s="3"/>
      <c r="R200" s="3"/>
      <c r="S200" s="3"/>
      <c r="T200" s="3"/>
      <c r="U200" s="3"/>
      <c r="V200" s="3"/>
    </row>
    <row r="201" spans="1:22" x14ac:dyDescent="0.25">
      <c r="A201" s="3"/>
      <c r="B201" s="4"/>
      <c r="C201" s="3"/>
      <c r="D201" s="5"/>
      <c r="E201" s="3"/>
      <c r="F201" s="3"/>
      <c r="G201" s="3"/>
      <c r="H201" s="3"/>
      <c r="I201" s="3"/>
      <c r="J201" s="3"/>
      <c r="K201" s="3"/>
      <c r="L201" s="3"/>
      <c r="M201" s="3"/>
      <c r="N201" s="3"/>
      <c r="O201" s="3"/>
      <c r="P201" s="3"/>
      <c r="Q201" s="3"/>
      <c r="R201" s="3"/>
      <c r="S201" s="3"/>
      <c r="T201" s="3"/>
      <c r="U201" s="3"/>
      <c r="V201" s="3"/>
    </row>
    <row r="202" spans="1:22" x14ac:dyDescent="0.25">
      <c r="A202" s="3" t="s">
        <v>22</v>
      </c>
      <c r="B202" s="4" t="s">
        <v>708</v>
      </c>
      <c r="C202" s="3" t="s">
        <v>709</v>
      </c>
      <c r="D202" s="5" t="s">
        <v>25</v>
      </c>
      <c r="E202" s="3" t="s">
        <v>396</v>
      </c>
      <c r="F202" s="3" t="s">
        <v>710</v>
      </c>
      <c r="G202" s="3" t="s">
        <v>293</v>
      </c>
      <c r="H202" s="3" t="s">
        <v>65</v>
      </c>
      <c r="I202" s="3" t="s">
        <v>539</v>
      </c>
      <c r="J202" s="3" t="s">
        <v>711</v>
      </c>
      <c r="K202" s="3" t="s">
        <v>32</v>
      </c>
      <c r="L202" s="3" t="s">
        <v>33</v>
      </c>
      <c r="M202" s="3" t="s">
        <v>67</v>
      </c>
      <c r="N202" s="3" t="s">
        <v>142</v>
      </c>
      <c r="O202" s="3" t="s">
        <v>53</v>
      </c>
      <c r="P202" s="3" t="s">
        <v>54</v>
      </c>
      <c r="Q202" s="3" t="s">
        <v>37</v>
      </c>
      <c r="R202" s="3" t="s">
        <v>38</v>
      </c>
      <c r="S202" s="3" t="s">
        <v>712</v>
      </c>
      <c r="T202" s="3" t="s">
        <v>37</v>
      </c>
      <c r="U202" s="3" t="s">
        <v>37</v>
      </c>
      <c r="V202" s="3" t="s">
        <v>37</v>
      </c>
    </row>
    <row r="203" spans="1:22" x14ac:dyDescent="0.25">
      <c r="A203" s="3" t="s">
        <v>22</v>
      </c>
      <c r="B203" s="4" t="s">
        <v>708</v>
      </c>
      <c r="C203" s="3" t="s">
        <v>709</v>
      </c>
      <c r="D203" s="5" t="s">
        <v>40</v>
      </c>
      <c r="E203" s="3" t="s">
        <v>396</v>
      </c>
      <c r="F203" s="3" t="s">
        <v>713</v>
      </c>
      <c r="G203" s="3" t="s">
        <v>346</v>
      </c>
      <c r="H203" s="3" t="s">
        <v>65</v>
      </c>
      <c r="I203" s="3" t="s">
        <v>539</v>
      </c>
      <c r="J203" s="3" t="s">
        <v>714</v>
      </c>
      <c r="K203" s="3" t="s">
        <v>32</v>
      </c>
      <c r="L203" s="3" t="s">
        <v>33</v>
      </c>
      <c r="M203" s="3" t="s">
        <v>67</v>
      </c>
      <c r="N203" s="3" t="s">
        <v>142</v>
      </c>
      <c r="O203" s="3" t="s">
        <v>53</v>
      </c>
      <c r="P203" s="3" t="s">
        <v>54</v>
      </c>
      <c r="Q203" s="3" t="s">
        <v>37</v>
      </c>
      <c r="R203" s="3" t="s">
        <v>38</v>
      </c>
      <c r="S203" s="3" t="s">
        <v>715</v>
      </c>
      <c r="T203" s="3" t="s">
        <v>37</v>
      </c>
      <c r="U203" s="3" t="s">
        <v>37</v>
      </c>
      <c r="V203" s="3" t="s">
        <v>37</v>
      </c>
    </row>
    <row r="204" spans="1:22" x14ac:dyDescent="0.25">
      <c r="A204" s="3" t="s">
        <v>22</v>
      </c>
      <c r="B204" s="4" t="s">
        <v>708</v>
      </c>
      <c r="C204" s="3" t="s">
        <v>709</v>
      </c>
      <c r="D204" s="5" t="s">
        <v>45</v>
      </c>
      <c r="E204" s="3" t="s">
        <v>46</v>
      </c>
      <c r="F204" s="3" t="s">
        <v>82</v>
      </c>
      <c r="G204" s="3" t="s">
        <v>83</v>
      </c>
      <c r="H204" s="3" t="s">
        <v>65</v>
      </c>
      <c r="I204" s="3" t="s">
        <v>50</v>
      </c>
      <c r="J204" s="3" t="s">
        <v>84</v>
      </c>
      <c r="K204" s="3" t="s">
        <v>32</v>
      </c>
      <c r="L204" s="3" t="s">
        <v>33</v>
      </c>
      <c r="M204" s="3" t="s">
        <v>34</v>
      </c>
      <c r="N204" s="3" t="s">
        <v>35</v>
      </c>
      <c r="O204" s="3" t="s">
        <v>53</v>
      </c>
      <c r="P204" s="3" t="s">
        <v>54</v>
      </c>
      <c r="Q204" s="3" t="s">
        <v>85</v>
      </c>
      <c r="R204" s="3" t="s">
        <v>38</v>
      </c>
      <c r="S204" s="3" t="s">
        <v>86</v>
      </c>
      <c r="T204" s="3" t="s">
        <v>37</v>
      </c>
      <c r="U204" s="3" t="s">
        <v>37</v>
      </c>
      <c r="V204" s="3" t="s">
        <v>37</v>
      </c>
    </row>
    <row r="205" spans="1:22" x14ac:dyDescent="0.25">
      <c r="A205" s="3" t="s">
        <v>22</v>
      </c>
      <c r="B205" s="4" t="s">
        <v>708</v>
      </c>
      <c r="C205" s="3" t="s">
        <v>709</v>
      </c>
      <c r="D205" s="5" t="s">
        <v>56</v>
      </c>
      <c r="E205" s="3" t="s">
        <v>46</v>
      </c>
      <c r="F205" s="3" t="s">
        <v>716</v>
      </c>
      <c r="G205" s="3" t="s">
        <v>346</v>
      </c>
      <c r="H205" s="3" t="s">
        <v>65</v>
      </c>
      <c r="I205" s="3" t="s">
        <v>50</v>
      </c>
      <c r="J205" s="3" t="s">
        <v>717</v>
      </c>
      <c r="K205" s="3" t="s">
        <v>32</v>
      </c>
      <c r="L205" s="3" t="s">
        <v>33</v>
      </c>
      <c r="M205" s="3" t="s">
        <v>34</v>
      </c>
      <c r="N205" s="3" t="s">
        <v>35</v>
      </c>
      <c r="O205" s="3" t="s">
        <v>53</v>
      </c>
      <c r="P205" s="3" t="s">
        <v>37</v>
      </c>
      <c r="Q205" s="3" t="s">
        <v>37</v>
      </c>
      <c r="R205" s="3" t="s">
        <v>38</v>
      </c>
      <c r="S205" s="3" t="s">
        <v>718</v>
      </c>
      <c r="T205" s="3" t="s">
        <v>37</v>
      </c>
      <c r="U205" s="3" t="s">
        <v>37</v>
      </c>
      <c r="V205" s="3" t="s">
        <v>37</v>
      </c>
    </row>
    <row r="206" spans="1:22" x14ac:dyDescent="0.25">
      <c r="A206" s="3" t="s">
        <v>22</v>
      </c>
      <c r="B206" s="4" t="s">
        <v>708</v>
      </c>
      <c r="C206" s="3" t="s">
        <v>709</v>
      </c>
      <c r="D206" s="5" t="s">
        <v>408</v>
      </c>
      <c r="E206" s="3" t="s">
        <v>46</v>
      </c>
      <c r="F206" s="3" t="s">
        <v>93</v>
      </c>
      <c r="G206" s="3" t="s">
        <v>94</v>
      </c>
      <c r="H206" s="3" t="s">
        <v>65</v>
      </c>
      <c r="I206" s="3" t="s">
        <v>50</v>
      </c>
      <c r="J206" s="3" t="s">
        <v>95</v>
      </c>
      <c r="K206" s="3" t="s">
        <v>32</v>
      </c>
      <c r="L206" s="3" t="s">
        <v>33</v>
      </c>
      <c r="M206" s="3" t="s">
        <v>34</v>
      </c>
      <c r="N206" s="3" t="s">
        <v>35</v>
      </c>
      <c r="O206" s="3" t="s">
        <v>53</v>
      </c>
      <c r="P206" s="3" t="s">
        <v>54</v>
      </c>
      <c r="Q206" s="3" t="s">
        <v>85</v>
      </c>
      <c r="R206" s="3" t="s">
        <v>38</v>
      </c>
      <c r="S206" s="3" t="s">
        <v>96</v>
      </c>
      <c r="T206" s="3" t="s">
        <v>37</v>
      </c>
      <c r="U206" s="3" t="s">
        <v>37</v>
      </c>
      <c r="V206" s="3" t="s">
        <v>37</v>
      </c>
    </row>
    <row r="207" spans="1:22" x14ac:dyDescent="0.25">
      <c r="A207" s="3" t="s">
        <v>22</v>
      </c>
      <c r="B207" s="4" t="s">
        <v>708</v>
      </c>
      <c r="C207" s="3" t="s">
        <v>709</v>
      </c>
      <c r="D207" s="5" t="s">
        <v>413</v>
      </c>
      <c r="E207" s="3" t="s">
        <v>46</v>
      </c>
      <c r="F207" s="3" t="s">
        <v>98</v>
      </c>
      <c r="G207" s="3" t="s">
        <v>99</v>
      </c>
      <c r="H207" s="3" t="s">
        <v>65</v>
      </c>
      <c r="I207" s="3" t="s">
        <v>50</v>
      </c>
      <c r="J207" s="3" t="s">
        <v>100</v>
      </c>
      <c r="K207" s="3" t="s">
        <v>32</v>
      </c>
      <c r="L207" s="3" t="s">
        <v>33</v>
      </c>
      <c r="M207" s="3" t="s">
        <v>34</v>
      </c>
      <c r="N207" s="3" t="s">
        <v>35</v>
      </c>
      <c r="O207" s="3" t="s">
        <v>53</v>
      </c>
      <c r="P207" s="3" t="s">
        <v>54</v>
      </c>
      <c r="Q207" s="3" t="s">
        <v>85</v>
      </c>
      <c r="R207" s="3" t="s">
        <v>38</v>
      </c>
      <c r="S207" s="3" t="s">
        <v>101</v>
      </c>
      <c r="T207" s="3" t="s">
        <v>37</v>
      </c>
      <c r="U207" s="3" t="s">
        <v>37</v>
      </c>
      <c r="V207" s="3" t="s">
        <v>37</v>
      </c>
    </row>
    <row r="208" spans="1:22" x14ac:dyDescent="0.25">
      <c r="A208" s="3" t="s">
        <v>22</v>
      </c>
      <c r="B208" s="4" t="s">
        <v>708</v>
      </c>
      <c r="C208" s="3" t="s">
        <v>709</v>
      </c>
      <c r="D208" s="5" t="s">
        <v>417</v>
      </c>
      <c r="E208" s="3" t="s">
        <v>418</v>
      </c>
      <c r="F208" s="3" t="s">
        <v>719</v>
      </c>
      <c r="G208" s="3" t="s">
        <v>346</v>
      </c>
      <c r="H208" s="3" t="s">
        <v>65</v>
      </c>
      <c r="I208" s="3" t="s">
        <v>720</v>
      </c>
      <c r="J208" s="3" t="s">
        <v>721</v>
      </c>
      <c r="K208" s="3" t="s">
        <v>32</v>
      </c>
      <c r="L208" s="3" t="s">
        <v>33</v>
      </c>
      <c r="M208" s="3" t="s">
        <v>34</v>
      </c>
      <c r="N208" s="3" t="s">
        <v>142</v>
      </c>
      <c r="O208" s="3" t="s">
        <v>36</v>
      </c>
      <c r="P208" s="3" t="s">
        <v>37</v>
      </c>
      <c r="Q208" s="3" t="s">
        <v>37</v>
      </c>
      <c r="R208" s="3" t="s">
        <v>38</v>
      </c>
      <c r="S208" s="3" t="s">
        <v>722</v>
      </c>
      <c r="T208" s="3" t="s">
        <v>37</v>
      </c>
      <c r="U208" s="3" t="s">
        <v>37</v>
      </c>
      <c r="V208" s="3" t="s">
        <v>37</v>
      </c>
    </row>
    <row r="209" spans="1:22" x14ac:dyDescent="0.25">
      <c r="A209" s="3" t="s">
        <v>22</v>
      </c>
      <c r="B209" s="4" t="s">
        <v>708</v>
      </c>
      <c r="C209" s="3" t="s">
        <v>709</v>
      </c>
      <c r="D209" s="5" t="s">
        <v>81</v>
      </c>
      <c r="E209" s="3" t="s">
        <v>418</v>
      </c>
      <c r="F209" s="3" t="s">
        <v>723</v>
      </c>
      <c r="G209" s="3" t="s">
        <v>379</v>
      </c>
      <c r="H209" s="3" t="s">
        <v>65</v>
      </c>
      <c r="I209" s="3" t="s">
        <v>720</v>
      </c>
      <c r="J209" s="3" t="s">
        <v>724</v>
      </c>
      <c r="K209" s="3" t="s">
        <v>32</v>
      </c>
      <c r="L209" s="3" t="s">
        <v>33</v>
      </c>
      <c r="M209" s="3" t="s">
        <v>34</v>
      </c>
      <c r="N209" s="3" t="s">
        <v>142</v>
      </c>
      <c r="O209" s="3" t="s">
        <v>36</v>
      </c>
      <c r="P209" s="3" t="s">
        <v>37</v>
      </c>
      <c r="Q209" s="3" t="s">
        <v>37</v>
      </c>
      <c r="R209" s="3" t="s">
        <v>38</v>
      </c>
      <c r="S209" s="3" t="s">
        <v>725</v>
      </c>
      <c r="T209" s="3" t="s">
        <v>37</v>
      </c>
      <c r="U209" s="3" t="s">
        <v>37</v>
      </c>
      <c r="V209" s="3" t="s">
        <v>37</v>
      </c>
    </row>
    <row r="210" spans="1:22" x14ac:dyDescent="0.25">
      <c r="A210" s="3" t="s">
        <v>22</v>
      </c>
      <c r="B210" s="4" t="s">
        <v>708</v>
      </c>
      <c r="C210" s="3" t="s">
        <v>709</v>
      </c>
      <c r="D210" s="5" t="s">
        <v>428</v>
      </c>
      <c r="E210" s="3" t="s">
        <v>70</v>
      </c>
      <c r="F210" s="3" t="s">
        <v>679</v>
      </c>
      <c r="G210" s="3" t="s">
        <v>680</v>
      </c>
      <c r="H210" s="3" t="s">
        <v>49</v>
      </c>
      <c r="I210" s="3" t="s">
        <v>37</v>
      </c>
      <c r="J210" s="3" t="s">
        <v>681</v>
      </c>
      <c r="K210" s="3" t="s">
        <v>32</v>
      </c>
      <c r="L210" s="3" t="s">
        <v>33</v>
      </c>
      <c r="M210" s="3" t="s">
        <v>67</v>
      </c>
      <c r="N210" s="3" t="s">
        <v>74</v>
      </c>
      <c r="O210" s="3" t="s">
        <v>53</v>
      </c>
      <c r="P210" s="3" t="s">
        <v>54</v>
      </c>
      <c r="Q210" s="3" t="s">
        <v>37</v>
      </c>
      <c r="R210" s="3" t="s">
        <v>38</v>
      </c>
      <c r="S210" s="3" t="s">
        <v>682</v>
      </c>
      <c r="T210" s="3" t="s">
        <v>37</v>
      </c>
      <c r="U210" s="3" t="s">
        <v>37</v>
      </c>
      <c r="V210" s="3" t="s">
        <v>37</v>
      </c>
    </row>
    <row r="211" spans="1:22" x14ac:dyDescent="0.25">
      <c r="A211" s="3" t="s">
        <v>22</v>
      </c>
      <c r="B211" s="4" t="s">
        <v>708</v>
      </c>
      <c r="C211" s="3" t="s">
        <v>709</v>
      </c>
      <c r="D211" s="5" t="s">
        <v>291</v>
      </c>
      <c r="E211" s="3" t="s">
        <v>70</v>
      </c>
      <c r="F211" s="3" t="s">
        <v>675</v>
      </c>
      <c r="G211" s="3" t="s">
        <v>676</v>
      </c>
      <c r="H211" s="3" t="s">
        <v>49</v>
      </c>
      <c r="I211" s="3" t="s">
        <v>37</v>
      </c>
      <c r="J211" s="3" t="s">
        <v>677</v>
      </c>
      <c r="K211" s="3" t="s">
        <v>32</v>
      </c>
      <c r="L211" s="3" t="s">
        <v>33</v>
      </c>
      <c r="M211" s="3" t="s">
        <v>67</v>
      </c>
      <c r="N211" s="3" t="s">
        <v>74</v>
      </c>
      <c r="O211" s="3" t="s">
        <v>53</v>
      </c>
      <c r="P211" s="3" t="s">
        <v>54</v>
      </c>
      <c r="Q211" s="3" t="s">
        <v>37</v>
      </c>
      <c r="R211" s="3" t="s">
        <v>38</v>
      </c>
      <c r="S211" s="3" t="s">
        <v>678</v>
      </c>
      <c r="T211" s="3" t="s">
        <v>37</v>
      </c>
      <c r="U211" s="3" t="s">
        <v>37</v>
      </c>
      <c r="V211" s="3" t="s">
        <v>37</v>
      </c>
    </row>
    <row r="212" spans="1:22" x14ac:dyDescent="0.25">
      <c r="A212" s="3" t="s">
        <v>22</v>
      </c>
      <c r="B212" s="4" t="s">
        <v>708</v>
      </c>
      <c r="C212" s="3" t="s">
        <v>709</v>
      </c>
      <c r="D212" s="5" t="s">
        <v>296</v>
      </c>
      <c r="E212" s="3" t="s">
        <v>46</v>
      </c>
      <c r="F212" s="3" t="s">
        <v>315</v>
      </c>
      <c r="G212" s="3" t="s">
        <v>248</v>
      </c>
      <c r="H212" s="3" t="s">
        <v>29</v>
      </c>
      <c r="I212" s="3" t="s">
        <v>50</v>
      </c>
      <c r="J212" s="3" t="s">
        <v>316</v>
      </c>
      <c r="K212" s="3" t="s">
        <v>32</v>
      </c>
      <c r="L212" s="3" t="s">
        <v>33</v>
      </c>
      <c r="M212" s="3" t="s">
        <v>34</v>
      </c>
      <c r="N212" s="3" t="s">
        <v>117</v>
      </c>
      <c r="O212" s="3" t="s">
        <v>53</v>
      </c>
      <c r="P212" s="3" t="s">
        <v>54</v>
      </c>
      <c r="Q212" s="3" t="s">
        <v>37</v>
      </c>
      <c r="R212" s="3" t="s">
        <v>38</v>
      </c>
      <c r="S212" s="3" t="s">
        <v>317</v>
      </c>
      <c r="T212" s="3" t="s">
        <v>37</v>
      </c>
      <c r="U212" s="3" t="s">
        <v>37</v>
      </c>
      <c r="V212" s="3" t="s">
        <v>37</v>
      </c>
    </row>
    <row r="213" spans="1:22" x14ac:dyDescent="0.25">
      <c r="A213" s="3" t="s">
        <v>22</v>
      </c>
      <c r="B213" s="4" t="s">
        <v>708</v>
      </c>
      <c r="C213" s="3" t="s">
        <v>709</v>
      </c>
      <c r="D213" s="5" t="s">
        <v>300</v>
      </c>
      <c r="E213" s="3" t="s">
        <v>62</v>
      </c>
      <c r="F213" s="3" t="s">
        <v>726</v>
      </c>
      <c r="G213" s="3" t="s">
        <v>234</v>
      </c>
      <c r="H213" s="3" t="s">
        <v>65</v>
      </c>
      <c r="I213" s="3" t="s">
        <v>37</v>
      </c>
      <c r="J213" s="3" t="s">
        <v>727</v>
      </c>
      <c r="K213" s="3" t="s">
        <v>32</v>
      </c>
      <c r="L213" s="3" t="s">
        <v>33</v>
      </c>
      <c r="M213" s="3" t="s">
        <v>67</v>
      </c>
      <c r="N213" s="3" t="s">
        <v>52</v>
      </c>
      <c r="O213" s="3" t="s">
        <v>53</v>
      </c>
      <c r="P213" s="3" t="s">
        <v>54</v>
      </c>
      <c r="Q213" s="3" t="s">
        <v>37</v>
      </c>
      <c r="R213" s="3" t="s">
        <v>38</v>
      </c>
      <c r="S213" s="3" t="s">
        <v>728</v>
      </c>
      <c r="T213" s="3" t="s">
        <v>37</v>
      </c>
      <c r="U213" s="3" t="s">
        <v>37</v>
      </c>
      <c r="V213" s="3" t="s">
        <v>37</v>
      </c>
    </row>
    <row r="214" spans="1:22" x14ac:dyDescent="0.25">
      <c r="A214" s="3" t="s">
        <v>22</v>
      </c>
      <c r="B214" s="4" t="s">
        <v>708</v>
      </c>
      <c r="C214" s="3" t="s">
        <v>709</v>
      </c>
      <c r="D214" s="5" t="s">
        <v>440</v>
      </c>
      <c r="E214" s="3" t="s">
        <v>62</v>
      </c>
      <c r="F214" s="3" t="s">
        <v>729</v>
      </c>
      <c r="G214" s="3" t="s">
        <v>420</v>
      </c>
      <c r="H214" s="3" t="s">
        <v>65</v>
      </c>
      <c r="I214" s="3" t="s">
        <v>37</v>
      </c>
      <c r="J214" s="3" t="s">
        <v>730</v>
      </c>
      <c r="K214" s="3" t="s">
        <v>32</v>
      </c>
      <c r="L214" s="3" t="s">
        <v>33</v>
      </c>
      <c r="M214" s="3" t="s">
        <v>67</v>
      </c>
      <c r="N214" s="3" t="s">
        <v>52</v>
      </c>
      <c r="O214" s="3" t="s">
        <v>53</v>
      </c>
      <c r="P214" s="3" t="s">
        <v>54</v>
      </c>
      <c r="Q214" s="3" t="s">
        <v>37</v>
      </c>
      <c r="R214" s="3" t="s">
        <v>38</v>
      </c>
      <c r="S214" s="3" t="s">
        <v>731</v>
      </c>
      <c r="T214" s="3" t="s">
        <v>37</v>
      </c>
      <c r="U214" s="3" t="s">
        <v>37</v>
      </c>
      <c r="V214" s="3" t="s">
        <v>37</v>
      </c>
    </row>
    <row r="215" spans="1:22" x14ac:dyDescent="0.25">
      <c r="A215" s="3" t="s">
        <v>22</v>
      </c>
      <c r="B215" s="4" t="s">
        <v>708</v>
      </c>
      <c r="C215" s="3" t="s">
        <v>709</v>
      </c>
      <c r="D215" s="5" t="s">
        <v>304</v>
      </c>
      <c r="E215" s="3" t="s">
        <v>444</v>
      </c>
      <c r="F215" s="3" t="s">
        <v>732</v>
      </c>
      <c r="G215" s="3" t="s">
        <v>89</v>
      </c>
      <c r="H215" s="3" t="s">
        <v>29</v>
      </c>
      <c r="I215" s="3" t="s">
        <v>37</v>
      </c>
      <c r="J215" s="3" t="s">
        <v>733</v>
      </c>
      <c r="K215" s="3" t="s">
        <v>32</v>
      </c>
      <c r="L215" s="3" t="s">
        <v>33</v>
      </c>
      <c r="M215" s="3" t="s">
        <v>67</v>
      </c>
      <c r="N215" s="3" t="s">
        <v>447</v>
      </c>
      <c r="O215" s="3" t="s">
        <v>53</v>
      </c>
      <c r="P215" s="3" t="s">
        <v>37</v>
      </c>
      <c r="Q215" s="3" t="s">
        <v>37</v>
      </c>
      <c r="R215" s="3" t="s">
        <v>38</v>
      </c>
      <c r="S215" s="3" t="s">
        <v>734</v>
      </c>
      <c r="T215" s="3" t="s">
        <v>181</v>
      </c>
      <c r="U215" s="3" t="s">
        <v>37</v>
      </c>
      <c r="V215" s="3" t="s">
        <v>37</v>
      </c>
    </row>
    <row r="216" spans="1:22" x14ac:dyDescent="0.25">
      <c r="A216" s="3" t="s">
        <v>22</v>
      </c>
      <c r="B216" s="4" t="s">
        <v>708</v>
      </c>
      <c r="C216" s="3" t="s">
        <v>709</v>
      </c>
      <c r="D216" s="5" t="s">
        <v>310</v>
      </c>
      <c r="E216" s="3" t="s">
        <v>449</v>
      </c>
      <c r="F216" s="3" t="s">
        <v>735</v>
      </c>
      <c r="G216" s="3" t="s">
        <v>49</v>
      </c>
      <c r="H216" s="3" t="s">
        <v>65</v>
      </c>
      <c r="I216" s="3" t="s">
        <v>37</v>
      </c>
      <c r="J216" s="3" t="s">
        <v>736</v>
      </c>
      <c r="K216" s="3" t="s">
        <v>32</v>
      </c>
      <c r="L216" s="3" t="s">
        <v>33</v>
      </c>
      <c r="M216" s="3" t="s">
        <v>67</v>
      </c>
      <c r="N216" s="3" t="s">
        <v>52</v>
      </c>
      <c r="O216" s="3" t="s">
        <v>53</v>
      </c>
      <c r="P216" s="3" t="s">
        <v>37</v>
      </c>
      <c r="Q216" s="3" t="s">
        <v>37</v>
      </c>
      <c r="R216" s="3" t="s">
        <v>38</v>
      </c>
      <c r="S216" s="3" t="s">
        <v>737</v>
      </c>
      <c r="T216" s="3" t="s">
        <v>37</v>
      </c>
      <c r="U216" s="3" t="s">
        <v>37</v>
      </c>
      <c r="V216" s="3" t="s">
        <v>37</v>
      </c>
    </row>
    <row r="217" spans="1:22" x14ac:dyDescent="0.25">
      <c r="A217" s="3" t="s">
        <v>22</v>
      </c>
      <c r="B217" s="4" t="s">
        <v>708</v>
      </c>
      <c r="C217" s="3" t="s">
        <v>709</v>
      </c>
      <c r="D217" s="5" t="s">
        <v>453</v>
      </c>
      <c r="E217" s="3" t="s">
        <v>46</v>
      </c>
      <c r="F217" s="3" t="s">
        <v>57</v>
      </c>
      <c r="G217" s="3" t="s">
        <v>58</v>
      </c>
      <c r="H217" s="3" t="s">
        <v>49</v>
      </c>
      <c r="I217" s="3" t="s">
        <v>50</v>
      </c>
      <c r="J217" s="3" t="s">
        <v>59</v>
      </c>
      <c r="K217" s="3" t="s">
        <v>32</v>
      </c>
      <c r="L217" s="3" t="s">
        <v>33</v>
      </c>
      <c r="M217" s="3" t="s">
        <v>34</v>
      </c>
      <c r="N217" s="3" t="s">
        <v>52</v>
      </c>
      <c r="O217" s="3" t="s">
        <v>53</v>
      </c>
      <c r="P217" s="3" t="s">
        <v>54</v>
      </c>
      <c r="Q217" s="3" t="s">
        <v>37</v>
      </c>
      <c r="R217" s="3" t="s">
        <v>38</v>
      </c>
      <c r="S217" s="3" t="s">
        <v>60</v>
      </c>
      <c r="T217" s="3" t="s">
        <v>37</v>
      </c>
      <c r="U217" s="3" t="s">
        <v>37</v>
      </c>
      <c r="V217" s="3" t="s">
        <v>37</v>
      </c>
    </row>
    <row r="218" spans="1:22" x14ac:dyDescent="0.25">
      <c r="A218" s="3" t="s">
        <v>22</v>
      </c>
      <c r="B218" s="4" t="s">
        <v>708</v>
      </c>
      <c r="C218" s="3" t="s">
        <v>709</v>
      </c>
      <c r="D218" s="5" t="s">
        <v>458</v>
      </c>
      <c r="E218" s="3" t="s">
        <v>46</v>
      </c>
      <c r="F218" s="3" t="s">
        <v>261</v>
      </c>
      <c r="G218" s="3" t="s">
        <v>262</v>
      </c>
      <c r="H218" s="3" t="s">
        <v>49</v>
      </c>
      <c r="I218" s="3" t="s">
        <v>50</v>
      </c>
      <c r="J218" s="3" t="s">
        <v>263</v>
      </c>
      <c r="K218" s="3" t="s">
        <v>32</v>
      </c>
      <c r="L218" s="3" t="s">
        <v>33</v>
      </c>
      <c r="M218" s="3" t="s">
        <v>34</v>
      </c>
      <c r="N218" s="3" t="s">
        <v>52</v>
      </c>
      <c r="O218" s="3" t="s">
        <v>53</v>
      </c>
      <c r="P218" s="3" t="s">
        <v>54</v>
      </c>
      <c r="Q218" s="3" t="s">
        <v>37</v>
      </c>
      <c r="R218" s="3" t="s">
        <v>38</v>
      </c>
      <c r="S218" s="3" t="s">
        <v>264</v>
      </c>
      <c r="T218" s="3" t="s">
        <v>37</v>
      </c>
      <c r="U218" s="3" t="s">
        <v>37</v>
      </c>
      <c r="V218" s="3" t="s">
        <v>37</v>
      </c>
    </row>
    <row r="219" spans="1:22" x14ac:dyDescent="0.25">
      <c r="A219" s="3" t="s">
        <v>22</v>
      </c>
      <c r="B219" s="4" t="s">
        <v>708</v>
      </c>
      <c r="C219" s="3" t="s">
        <v>709</v>
      </c>
      <c r="D219" s="5" t="s">
        <v>124</v>
      </c>
      <c r="E219" s="3" t="s">
        <v>125</v>
      </c>
      <c r="F219" s="3" t="s">
        <v>738</v>
      </c>
      <c r="G219" s="3" t="s">
        <v>524</v>
      </c>
      <c r="H219" s="3" t="s">
        <v>29</v>
      </c>
      <c r="I219" s="3" t="s">
        <v>388</v>
      </c>
      <c r="J219" s="3" t="s">
        <v>739</v>
      </c>
      <c r="K219" s="3" t="s">
        <v>32</v>
      </c>
      <c r="L219" s="3" t="s">
        <v>33</v>
      </c>
      <c r="M219" s="3" t="s">
        <v>67</v>
      </c>
      <c r="N219" s="3" t="s">
        <v>52</v>
      </c>
      <c r="O219" s="3" t="s">
        <v>53</v>
      </c>
      <c r="P219" s="3" t="s">
        <v>54</v>
      </c>
      <c r="Q219" s="3" t="s">
        <v>37</v>
      </c>
      <c r="R219" s="3" t="s">
        <v>38</v>
      </c>
      <c r="S219" s="3" t="s">
        <v>740</v>
      </c>
      <c r="T219" s="3"/>
      <c r="U219" s="3" t="s">
        <v>37</v>
      </c>
      <c r="V219" s="3" t="s">
        <v>37</v>
      </c>
    </row>
    <row r="220" spans="1:22" x14ac:dyDescent="0.25">
      <c r="A220" s="3" t="s">
        <v>22</v>
      </c>
      <c r="B220" s="4" t="s">
        <v>708</v>
      </c>
      <c r="C220" s="3" t="s">
        <v>709</v>
      </c>
      <c r="D220" s="5" t="s">
        <v>130</v>
      </c>
      <c r="E220" s="3" t="s">
        <v>125</v>
      </c>
      <c r="F220" s="3" t="s">
        <v>741</v>
      </c>
      <c r="G220" s="3" t="s">
        <v>495</v>
      </c>
      <c r="H220" s="3" t="s">
        <v>29</v>
      </c>
      <c r="I220" s="3" t="s">
        <v>132</v>
      </c>
      <c r="J220" s="3" t="s">
        <v>742</v>
      </c>
      <c r="K220" s="3" t="s">
        <v>32</v>
      </c>
      <c r="L220" s="3" t="s">
        <v>33</v>
      </c>
      <c r="M220" s="3" t="s">
        <v>67</v>
      </c>
      <c r="N220" s="3" t="s">
        <v>52</v>
      </c>
      <c r="O220" s="3" t="s">
        <v>53</v>
      </c>
      <c r="P220" s="3" t="s">
        <v>54</v>
      </c>
      <c r="Q220" s="3" t="s">
        <v>37</v>
      </c>
      <c r="R220" s="3" t="s">
        <v>38</v>
      </c>
      <c r="S220" s="3" t="s">
        <v>743</v>
      </c>
      <c r="T220" s="3" t="s">
        <v>37</v>
      </c>
      <c r="U220" s="3" t="s">
        <v>37</v>
      </c>
      <c r="V220" s="3" t="s">
        <v>37</v>
      </c>
    </row>
    <row r="221" spans="1:22" x14ac:dyDescent="0.25">
      <c r="A221" s="3" t="s">
        <v>22</v>
      </c>
      <c r="B221" s="4" t="s">
        <v>708</v>
      </c>
      <c r="C221" s="3" t="s">
        <v>709</v>
      </c>
      <c r="D221" s="5" t="s">
        <v>135</v>
      </c>
      <c r="E221" s="3" t="s">
        <v>125</v>
      </c>
      <c r="F221" s="3" t="s">
        <v>744</v>
      </c>
      <c r="G221" s="3" t="s">
        <v>171</v>
      </c>
      <c r="H221" s="3" t="s">
        <v>29</v>
      </c>
      <c r="I221" s="3" t="s">
        <v>132</v>
      </c>
      <c r="J221" s="3" t="s">
        <v>745</v>
      </c>
      <c r="K221" s="3" t="s">
        <v>32</v>
      </c>
      <c r="L221" s="3" t="s">
        <v>33</v>
      </c>
      <c r="M221" s="3" t="s">
        <v>67</v>
      </c>
      <c r="N221" s="3" t="s">
        <v>52</v>
      </c>
      <c r="O221" s="3" t="s">
        <v>53</v>
      </c>
      <c r="P221" s="3" t="s">
        <v>54</v>
      </c>
      <c r="Q221" s="3" t="s">
        <v>37</v>
      </c>
      <c r="R221" s="3" t="s">
        <v>38</v>
      </c>
      <c r="S221" s="3" t="s">
        <v>746</v>
      </c>
      <c r="T221" s="3" t="s">
        <v>37</v>
      </c>
      <c r="U221" s="3" t="s">
        <v>37</v>
      </c>
      <c r="V221" s="3" t="s">
        <v>37</v>
      </c>
    </row>
    <row r="222" spans="1:22" x14ac:dyDescent="0.25">
      <c r="A222" s="3" t="s">
        <v>22</v>
      </c>
      <c r="B222" s="4" t="s">
        <v>708</v>
      </c>
      <c r="C222" s="3" t="s">
        <v>709</v>
      </c>
      <c r="D222" s="5" t="s">
        <v>145</v>
      </c>
      <c r="E222" s="3" t="s">
        <v>46</v>
      </c>
      <c r="F222" s="3" t="s">
        <v>47</v>
      </c>
      <c r="G222" s="3" t="s">
        <v>48</v>
      </c>
      <c r="H222" s="3" t="s">
        <v>49</v>
      </c>
      <c r="I222" s="3" t="s">
        <v>50</v>
      </c>
      <c r="J222" s="3" t="s">
        <v>51</v>
      </c>
      <c r="K222" s="3" t="s">
        <v>32</v>
      </c>
      <c r="L222" s="3" t="s">
        <v>33</v>
      </c>
      <c r="M222" s="3" t="s">
        <v>34</v>
      </c>
      <c r="N222" s="3" t="s">
        <v>52</v>
      </c>
      <c r="O222" s="3" t="s">
        <v>53</v>
      </c>
      <c r="P222" s="3" t="s">
        <v>54</v>
      </c>
      <c r="Q222" s="3" t="s">
        <v>37</v>
      </c>
      <c r="R222" s="3" t="s">
        <v>38</v>
      </c>
      <c r="S222" s="3" t="s">
        <v>55</v>
      </c>
      <c r="T222" s="3" t="s">
        <v>37</v>
      </c>
      <c r="U222" s="3" t="s">
        <v>37</v>
      </c>
      <c r="V222" s="3" t="s">
        <v>37</v>
      </c>
    </row>
    <row r="223" spans="1:22" x14ac:dyDescent="0.25">
      <c r="A223" s="3" t="s">
        <v>22</v>
      </c>
      <c r="B223" s="4" t="s">
        <v>708</v>
      </c>
      <c r="C223" s="3" t="s">
        <v>709</v>
      </c>
      <c r="D223" s="5" t="s">
        <v>473</v>
      </c>
      <c r="E223" s="3" t="s">
        <v>46</v>
      </c>
      <c r="F223" s="3" t="s">
        <v>654</v>
      </c>
      <c r="G223" s="3" t="s">
        <v>156</v>
      </c>
      <c r="H223" s="3" t="s">
        <v>49</v>
      </c>
      <c r="I223" s="3" t="s">
        <v>50</v>
      </c>
      <c r="J223" s="3" t="s">
        <v>655</v>
      </c>
      <c r="K223" s="3" t="s">
        <v>32</v>
      </c>
      <c r="L223" s="3" t="s">
        <v>33</v>
      </c>
      <c r="M223" s="3" t="s">
        <v>34</v>
      </c>
      <c r="N223" s="3" t="s">
        <v>52</v>
      </c>
      <c r="O223" s="3" t="s">
        <v>53</v>
      </c>
      <c r="P223" s="3" t="s">
        <v>54</v>
      </c>
      <c r="Q223" s="3" t="s">
        <v>37</v>
      </c>
      <c r="R223" s="3" t="s">
        <v>38</v>
      </c>
      <c r="S223" s="3" t="s">
        <v>656</v>
      </c>
      <c r="T223" s="3" t="s">
        <v>37</v>
      </c>
      <c r="U223" s="3" t="s">
        <v>37</v>
      </c>
      <c r="V223" s="3" t="s">
        <v>37</v>
      </c>
    </row>
    <row r="224" spans="1:22" x14ac:dyDescent="0.25">
      <c r="A224" s="3" t="s">
        <v>22</v>
      </c>
      <c r="B224" s="4" t="s">
        <v>708</v>
      </c>
      <c r="C224" s="3" t="s">
        <v>709</v>
      </c>
      <c r="D224" s="5" t="s">
        <v>478</v>
      </c>
      <c r="E224" s="3" t="s">
        <v>46</v>
      </c>
      <c r="F224" s="3" t="s">
        <v>120</v>
      </c>
      <c r="G224" s="3" t="s">
        <v>121</v>
      </c>
      <c r="H224" s="3" t="s">
        <v>29</v>
      </c>
      <c r="I224" s="3" t="s">
        <v>50</v>
      </c>
      <c r="J224" s="3" t="s">
        <v>122</v>
      </c>
      <c r="K224" s="3" t="s">
        <v>32</v>
      </c>
      <c r="L224" s="3" t="s">
        <v>37</v>
      </c>
      <c r="M224" s="3" t="s">
        <v>34</v>
      </c>
      <c r="N224" s="3" t="s">
        <v>117</v>
      </c>
      <c r="O224" s="3" t="s">
        <v>53</v>
      </c>
      <c r="P224" s="3" t="s">
        <v>54</v>
      </c>
      <c r="Q224" s="3" t="s">
        <v>37</v>
      </c>
      <c r="R224" s="3" t="s">
        <v>38</v>
      </c>
      <c r="S224" s="3" t="s">
        <v>123</v>
      </c>
      <c r="T224" s="3" t="s">
        <v>37</v>
      </c>
      <c r="U224" s="3" t="s">
        <v>37</v>
      </c>
      <c r="V224" s="3" t="s">
        <v>37</v>
      </c>
    </row>
    <row r="225" spans="1:22" x14ac:dyDescent="0.25">
      <c r="A225" s="3" t="s">
        <v>22</v>
      </c>
      <c r="B225" s="4" t="s">
        <v>708</v>
      </c>
      <c r="C225" s="3" t="s">
        <v>709</v>
      </c>
      <c r="D225" s="5" t="s">
        <v>164</v>
      </c>
      <c r="E225" s="3" t="s">
        <v>747</v>
      </c>
      <c r="F225" s="3" t="s">
        <v>748</v>
      </c>
      <c r="G225" s="3" t="s">
        <v>177</v>
      </c>
      <c r="H225" s="3" t="s">
        <v>65</v>
      </c>
      <c r="I225" s="3" t="s">
        <v>749</v>
      </c>
      <c r="J225" s="3" t="s">
        <v>750</v>
      </c>
      <c r="K225" s="3" t="s">
        <v>32</v>
      </c>
      <c r="L225" s="3" t="s">
        <v>33</v>
      </c>
      <c r="M225" s="3" t="s">
        <v>243</v>
      </c>
      <c r="N225" s="3" t="s">
        <v>142</v>
      </c>
      <c r="O225" s="3" t="s">
        <v>53</v>
      </c>
      <c r="P225" s="3" t="s">
        <v>37</v>
      </c>
      <c r="Q225" s="3" t="s">
        <v>37</v>
      </c>
      <c r="R225" s="3" t="s">
        <v>38</v>
      </c>
      <c r="S225" s="3" t="s">
        <v>751</v>
      </c>
      <c r="T225" s="3" t="s">
        <v>37</v>
      </c>
      <c r="U225" s="3" t="s">
        <v>37</v>
      </c>
      <c r="V225" s="3" t="s">
        <v>37</v>
      </c>
    </row>
    <row r="226" spans="1:22" x14ac:dyDescent="0.25">
      <c r="A226" s="3" t="s">
        <v>22</v>
      </c>
      <c r="B226" s="4" t="s">
        <v>708</v>
      </c>
      <c r="C226" s="3" t="s">
        <v>709</v>
      </c>
      <c r="D226" s="5" t="s">
        <v>169</v>
      </c>
      <c r="E226" s="3" t="s">
        <v>747</v>
      </c>
      <c r="F226" s="3" t="s">
        <v>752</v>
      </c>
      <c r="G226" s="3" t="s">
        <v>89</v>
      </c>
      <c r="H226" s="3" t="s">
        <v>65</v>
      </c>
      <c r="I226" s="3" t="s">
        <v>749</v>
      </c>
      <c r="J226" s="3" t="s">
        <v>753</v>
      </c>
      <c r="K226" s="3" t="s">
        <v>32</v>
      </c>
      <c r="L226" s="3" t="s">
        <v>33</v>
      </c>
      <c r="M226" s="3" t="s">
        <v>243</v>
      </c>
      <c r="N226" s="3" t="s">
        <v>142</v>
      </c>
      <c r="O226" s="3" t="s">
        <v>53</v>
      </c>
      <c r="P226" s="3" t="s">
        <v>37</v>
      </c>
      <c r="Q226" s="3" t="s">
        <v>37</v>
      </c>
      <c r="R226" s="3" t="s">
        <v>38</v>
      </c>
      <c r="S226" s="3" t="s">
        <v>754</v>
      </c>
      <c r="T226" s="3" t="s">
        <v>37</v>
      </c>
      <c r="U226" s="3" t="s">
        <v>37</v>
      </c>
      <c r="V226" s="3" t="s">
        <v>37</v>
      </c>
    </row>
    <row r="227" spans="1:22" x14ac:dyDescent="0.25">
      <c r="A227" s="3" t="s">
        <v>22</v>
      </c>
      <c r="B227" s="4" t="s">
        <v>708</v>
      </c>
      <c r="C227" s="3" t="s">
        <v>709</v>
      </c>
      <c r="D227" s="5" t="s">
        <v>174</v>
      </c>
      <c r="E227" s="3" t="s">
        <v>46</v>
      </c>
      <c r="F227" s="3" t="s">
        <v>755</v>
      </c>
      <c r="G227" s="3" t="s">
        <v>516</v>
      </c>
      <c r="H227" s="3" t="s">
        <v>29</v>
      </c>
      <c r="I227" s="3" t="s">
        <v>50</v>
      </c>
      <c r="J227" s="3" t="s">
        <v>756</v>
      </c>
      <c r="K227" s="3" t="s">
        <v>32</v>
      </c>
      <c r="L227" s="3" t="s">
        <v>33</v>
      </c>
      <c r="M227" s="3" t="s">
        <v>34</v>
      </c>
      <c r="N227" s="3" t="s">
        <v>117</v>
      </c>
      <c r="O227" s="3" t="s">
        <v>53</v>
      </c>
      <c r="P227" s="3" t="s">
        <v>54</v>
      </c>
      <c r="Q227" s="3" t="s">
        <v>37</v>
      </c>
      <c r="R227" s="3" t="s">
        <v>38</v>
      </c>
      <c r="S227" s="3" t="s">
        <v>757</v>
      </c>
      <c r="T227" s="3" t="s">
        <v>37</v>
      </c>
      <c r="U227" s="3" t="s">
        <v>37</v>
      </c>
      <c r="V227" s="3" t="s">
        <v>37</v>
      </c>
    </row>
    <row r="228" spans="1:22" x14ac:dyDescent="0.25">
      <c r="A228" s="3" t="s">
        <v>22</v>
      </c>
      <c r="B228" s="4" t="s">
        <v>708</v>
      </c>
      <c r="C228" s="3" t="s">
        <v>709</v>
      </c>
      <c r="D228" s="5" t="s">
        <v>182</v>
      </c>
      <c r="E228" s="3" t="s">
        <v>46</v>
      </c>
      <c r="F228" s="3" t="s">
        <v>758</v>
      </c>
      <c r="G228" s="3" t="s">
        <v>28</v>
      </c>
      <c r="H228" s="3" t="s">
        <v>29</v>
      </c>
      <c r="I228" s="3" t="s">
        <v>50</v>
      </c>
      <c r="J228" s="3" t="s">
        <v>759</v>
      </c>
      <c r="K228" s="3" t="s">
        <v>32</v>
      </c>
      <c r="L228" s="3" t="s">
        <v>33</v>
      </c>
      <c r="M228" s="3" t="s">
        <v>34</v>
      </c>
      <c r="N228" s="3" t="s">
        <v>117</v>
      </c>
      <c r="O228" s="3" t="s">
        <v>53</v>
      </c>
      <c r="P228" s="3" t="s">
        <v>37</v>
      </c>
      <c r="Q228" s="3" t="s">
        <v>37</v>
      </c>
      <c r="R228" s="3" t="s">
        <v>38</v>
      </c>
      <c r="S228" s="3" t="s">
        <v>760</v>
      </c>
      <c r="T228" s="3" t="s">
        <v>37</v>
      </c>
      <c r="U228" s="3" t="s">
        <v>37</v>
      </c>
      <c r="V228" s="3" t="s">
        <v>37</v>
      </c>
    </row>
    <row r="229" spans="1:22" x14ac:dyDescent="0.25">
      <c r="A229" s="3" t="s">
        <v>22</v>
      </c>
      <c r="B229" s="4" t="s">
        <v>708</v>
      </c>
      <c r="C229" s="3" t="s">
        <v>709</v>
      </c>
      <c r="D229" s="5" t="s">
        <v>187</v>
      </c>
      <c r="E229" s="3" t="s">
        <v>46</v>
      </c>
      <c r="F229" s="3" t="s">
        <v>761</v>
      </c>
      <c r="G229" s="3" t="s">
        <v>42</v>
      </c>
      <c r="H229" s="3" t="s">
        <v>29</v>
      </c>
      <c r="I229" s="3" t="s">
        <v>50</v>
      </c>
      <c r="J229" s="3" t="s">
        <v>762</v>
      </c>
      <c r="K229" s="3" t="s">
        <v>32</v>
      </c>
      <c r="L229" s="3" t="s">
        <v>33</v>
      </c>
      <c r="M229" s="3" t="s">
        <v>34</v>
      </c>
      <c r="N229" s="3" t="s">
        <v>117</v>
      </c>
      <c r="O229" s="3" t="s">
        <v>53</v>
      </c>
      <c r="P229" s="3" t="s">
        <v>54</v>
      </c>
      <c r="Q229" s="3" t="s">
        <v>37</v>
      </c>
      <c r="R229" s="3" t="s">
        <v>38</v>
      </c>
      <c r="S229" s="3" t="s">
        <v>763</v>
      </c>
      <c r="T229" s="3" t="s">
        <v>37</v>
      </c>
      <c r="U229" s="3" t="s">
        <v>37</v>
      </c>
      <c r="V229" s="3" t="s">
        <v>37</v>
      </c>
    </row>
    <row r="230" spans="1:22" x14ac:dyDescent="0.25">
      <c r="A230" s="3" t="s">
        <v>22</v>
      </c>
      <c r="B230" s="4" t="s">
        <v>708</v>
      </c>
      <c r="C230" s="3" t="s">
        <v>709</v>
      </c>
      <c r="D230" s="5" t="s">
        <v>192</v>
      </c>
      <c r="E230" s="3" t="s">
        <v>70</v>
      </c>
      <c r="F230" s="3" t="s">
        <v>558</v>
      </c>
      <c r="G230" s="3" t="s">
        <v>559</v>
      </c>
      <c r="H230" s="3" t="s">
        <v>49</v>
      </c>
      <c r="I230" s="3" t="s">
        <v>37</v>
      </c>
      <c r="J230" s="3" t="s">
        <v>560</v>
      </c>
      <c r="K230" s="3" t="s">
        <v>32</v>
      </c>
      <c r="L230" s="3" t="s">
        <v>33</v>
      </c>
      <c r="M230" s="3" t="s">
        <v>67</v>
      </c>
      <c r="N230" s="3" t="s">
        <v>74</v>
      </c>
      <c r="O230" s="3" t="s">
        <v>53</v>
      </c>
      <c r="P230" s="3" t="s">
        <v>54</v>
      </c>
      <c r="Q230" s="3" t="s">
        <v>37</v>
      </c>
      <c r="R230" s="3" t="s">
        <v>38</v>
      </c>
      <c r="S230" s="3" t="s">
        <v>561</v>
      </c>
      <c r="T230" s="3" t="s">
        <v>37</v>
      </c>
      <c r="U230" s="3" t="s">
        <v>37</v>
      </c>
      <c r="V230" s="3" t="s">
        <v>37</v>
      </c>
    </row>
    <row r="231" spans="1:22" x14ac:dyDescent="0.25">
      <c r="A231" s="3" t="s">
        <v>22</v>
      </c>
      <c r="B231" s="4" t="s">
        <v>708</v>
      </c>
      <c r="C231" s="3" t="s">
        <v>709</v>
      </c>
      <c r="D231" s="5" t="s">
        <v>197</v>
      </c>
      <c r="E231" s="3" t="s">
        <v>70</v>
      </c>
      <c r="F231" s="3" t="s">
        <v>764</v>
      </c>
      <c r="G231" s="3" t="s">
        <v>765</v>
      </c>
      <c r="H231" s="3" t="s">
        <v>49</v>
      </c>
      <c r="I231" s="3" t="s">
        <v>37</v>
      </c>
      <c r="J231" s="3" t="s">
        <v>766</v>
      </c>
      <c r="K231" s="3" t="s">
        <v>32</v>
      </c>
      <c r="L231" s="3" t="s">
        <v>33</v>
      </c>
      <c r="M231" s="3" t="s">
        <v>67</v>
      </c>
      <c r="N231" s="3" t="s">
        <v>74</v>
      </c>
      <c r="O231" s="3" t="s">
        <v>53</v>
      </c>
      <c r="P231" s="3" t="s">
        <v>54</v>
      </c>
      <c r="Q231" s="3" t="s">
        <v>37</v>
      </c>
      <c r="R231" s="3" t="s">
        <v>38</v>
      </c>
      <c r="S231" s="3" t="s">
        <v>767</v>
      </c>
      <c r="T231" s="3" t="s">
        <v>37</v>
      </c>
      <c r="U231" s="3" t="s">
        <v>37</v>
      </c>
      <c r="V231" s="3" t="s">
        <v>37</v>
      </c>
    </row>
    <row r="232" spans="1:22" x14ac:dyDescent="0.25">
      <c r="A232" s="3" t="s">
        <v>22</v>
      </c>
      <c r="B232" s="4" t="s">
        <v>708</v>
      </c>
      <c r="C232" s="3" t="s">
        <v>709</v>
      </c>
      <c r="D232" s="5" t="s">
        <v>498</v>
      </c>
      <c r="E232" s="3" t="s">
        <v>499</v>
      </c>
      <c r="F232" s="3" t="s">
        <v>768</v>
      </c>
      <c r="G232" s="3" t="s">
        <v>769</v>
      </c>
      <c r="H232" s="3" t="s">
        <v>49</v>
      </c>
      <c r="I232" s="3" t="s">
        <v>502</v>
      </c>
      <c r="J232" s="3" t="s">
        <v>770</v>
      </c>
      <c r="K232" s="3" t="s">
        <v>32</v>
      </c>
      <c r="L232" s="3" t="s">
        <v>33</v>
      </c>
      <c r="M232" s="3" t="s">
        <v>34</v>
      </c>
      <c r="N232" s="3" t="s">
        <v>74</v>
      </c>
      <c r="O232" s="3" t="s">
        <v>179</v>
      </c>
      <c r="P232" s="3" t="s">
        <v>37</v>
      </c>
      <c r="Q232" s="3" t="s">
        <v>37</v>
      </c>
      <c r="R232" s="3" t="s">
        <v>38</v>
      </c>
      <c r="S232" s="3" t="s">
        <v>771</v>
      </c>
      <c r="T232" s="3" t="s">
        <v>37</v>
      </c>
      <c r="U232" s="3" t="s">
        <v>37</v>
      </c>
      <c r="V232" s="3" t="s">
        <v>37</v>
      </c>
    </row>
    <row r="233" spans="1:22" x14ac:dyDescent="0.25">
      <c r="A233" s="3" t="s">
        <v>22</v>
      </c>
      <c r="B233" s="4" t="s">
        <v>708</v>
      </c>
      <c r="C233" s="3" t="s">
        <v>709</v>
      </c>
      <c r="D233" s="5" t="s">
        <v>505</v>
      </c>
      <c r="E233" s="3" t="s">
        <v>499</v>
      </c>
      <c r="F233" s="3" t="s">
        <v>772</v>
      </c>
      <c r="G233" s="3" t="s">
        <v>470</v>
      </c>
      <c r="H233" s="3" t="s">
        <v>29</v>
      </c>
      <c r="I233" s="3" t="s">
        <v>502</v>
      </c>
      <c r="J233" s="3" t="s">
        <v>773</v>
      </c>
      <c r="K233" s="3" t="s">
        <v>32</v>
      </c>
      <c r="L233" s="3" t="s">
        <v>37</v>
      </c>
      <c r="M233" s="3" t="s">
        <v>34</v>
      </c>
      <c r="N233" s="3" t="s">
        <v>142</v>
      </c>
      <c r="O233" s="3" t="s">
        <v>179</v>
      </c>
      <c r="P233" s="3" t="s">
        <v>37</v>
      </c>
      <c r="Q233" s="3" t="s">
        <v>37</v>
      </c>
      <c r="R233" s="3" t="s">
        <v>38</v>
      </c>
      <c r="S233" s="3" t="s">
        <v>774</v>
      </c>
      <c r="T233" s="3" t="s">
        <v>37</v>
      </c>
      <c r="U233" s="3" t="s">
        <v>37</v>
      </c>
      <c r="V233" s="3" t="s">
        <v>37</v>
      </c>
    </row>
    <row r="234" spans="1:22" x14ac:dyDescent="0.25">
      <c r="A234" s="3" t="s">
        <v>22</v>
      </c>
      <c r="B234" s="4" t="s">
        <v>708</v>
      </c>
      <c r="C234" s="3" t="s">
        <v>709</v>
      </c>
      <c r="D234" s="5" t="s">
        <v>212</v>
      </c>
      <c r="E234" s="3" t="s">
        <v>510</v>
      </c>
      <c r="F234" s="3" t="s">
        <v>775</v>
      </c>
      <c r="G234" s="3" t="s">
        <v>769</v>
      </c>
      <c r="H234" s="3" t="s">
        <v>325</v>
      </c>
      <c r="I234" s="3" t="s">
        <v>37</v>
      </c>
      <c r="J234" s="3" t="s">
        <v>776</v>
      </c>
      <c r="K234" s="3" t="s">
        <v>32</v>
      </c>
      <c r="L234" s="3" t="s">
        <v>110</v>
      </c>
      <c r="M234" s="3" t="s">
        <v>67</v>
      </c>
      <c r="N234" s="3" t="s">
        <v>52</v>
      </c>
      <c r="O234" s="3" t="s">
        <v>179</v>
      </c>
      <c r="P234" s="3" t="s">
        <v>54</v>
      </c>
      <c r="Q234" s="3" t="s">
        <v>37</v>
      </c>
      <c r="R234" s="3" t="s">
        <v>38</v>
      </c>
      <c r="S234" s="3" t="s">
        <v>777</v>
      </c>
      <c r="T234" s="3" t="s">
        <v>37</v>
      </c>
      <c r="U234" s="3" t="s">
        <v>37</v>
      </c>
      <c r="V234" s="3" t="s">
        <v>37</v>
      </c>
    </row>
    <row r="235" spans="1:22" x14ac:dyDescent="0.25">
      <c r="A235" s="3" t="s">
        <v>22</v>
      </c>
      <c r="B235" s="4" t="s">
        <v>708</v>
      </c>
      <c r="C235" s="3" t="s">
        <v>709</v>
      </c>
      <c r="D235" s="5" t="s">
        <v>217</v>
      </c>
      <c r="E235" s="3" t="s">
        <v>213</v>
      </c>
      <c r="F235" s="3" t="s">
        <v>778</v>
      </c>
      <c r="G235" s="3" t="s">
        <v>199</v>
      </c>
      <c r="H235" s="3" t="s">
        <v>65</v>
      </c>
      <c r="I235" s="3" t="s">
        <v>37</v>
      </c>
      <c r="J235" s="3" t="s">
        <v>779</v>
      </c>
      <c r="K235" s="3" t="s">
        <v>32</v>
      </c>
      <c r="L235" s="3" t="s">
        <v>110</v>
      </c>
      <c r="M235" s="3" t="s">
        <v>67</v>
      </c>
      <c r="N235" s="3" t="s">
        <v>52</v>
      </c>
      <c r="O235" s="3" t="s">
        <v>780</v>
      </c>
      <c r="P235" s="3" t="s">
        <v>37</v>
      </c>
      <c r="Q235" s="3" t="s">
        <v>37</v>
      </c>
      <c r="R235" s="3" t="s">
        <v>38</v>
      </c>
      <c r="S235" s="3" t="s">
        <v>781</v>
      </c>
      <c r="T235" s="3" t="s">
        <v>37</v>
      </c>
      <c r="U235" s="3" t="s">
        <v>37</v>
      </c>
      <c r="V235" s="3" t="s">
        <v>37</v>
      </c>
    </row>
    <row r="236" spans="1:22" x14ac:dyDescent="0.25">
      <c r="A236" s="3" t="s">
        <v>22</v>
      </c>
      <c r="B236" s="4" t="s">
        <v>708</v>
      </c>
      <c r="C236" s="3" t="s">
        <v>709</v>
      </c>
      <c r="D236" s="5" t="s">
        <v>782</v>
      </c>
      <c r="E236" s="3" t="s">
        <v>175</v>
      </c>
      <c r="F236" s="3" t="s">
        <v>176</v>
      </c>
      <c r="G236" s="3" t="s">
        <v>177</v>
      </c>
      <c r="H236" s="3" t="s">
        <v>29</v>
      </c>
      <c r="I236" s="3" t="s">
        <v>37</v>
      </c>
      <c r="J236" s="3" t="s">
        <v>178</v>
      </c>
      <c r="K236" s="3" t="s">
        <v>32</v>
      </c>
      <c r="L236" s="3" t="s">
        <v>110</v>
      </c>
      <c r="M236" s="3" t="s">
        <v>67</v>
      </c>
      <c r="N236" s="3" t="s">
        <v>74</v>
      </c>
      <c r="O236" s="3" t="s">
        <v>179</v>
      </c>
      <c r="P236" s="3" t="s">
        <v>54</v>
      </c>
      <c r="Q236" s="3" t="s">
        <v>37</v>
      </c>
      <c r="R236" s="3" t="s">
        <v>38</v>
      </c>
      <c r="S236" s="3" t="s">
        <v>180</v>
      </c>
      <c r="T236" s="3" t="s">
        <v>37</v>
      </c>
      <c r="U236" s="3" t="s">
        <v>37</v>
      </c>
      <c r="V236" s="3" t="s">
        <v>37</v>
      </c>
    </row>
    <row r="237" spans="1:22" x14ac:dyDescent="0.25">
      <c r="A237" s="3" t="s">
        <v>22</v>
      </c>
      <c r="B237" s="4" t="s">
        <v>708</v>
      </c>
      <c r="C237" s="3" t="s">
        <v>709</v>
      </c>
      <c r="D237" s="5" t="s">
        <v>783</v>
      </c>
      <c r="E237" s="3" t="s">
        <v>227</v>
      </c>
      <c r="F237" s="3" t="s">
        <v>228</v>
      </c>
      <c r="G237" s="3" t="s">
        <v>293</v>
      </c>
      <c r="H237" s="3" t="s">
        <v>65</v>
      </c>
      <c r="I237" s="3" t="s">
        <v>37</v>
      </c>
      <c r="J237" s="3" t="s">
        <v>230</v>
      </c>
      <c r="K237" s="3" t="s">
        <v>32</v>
      </c>
      <c r="L237" s="3" t="s">
        <v>110</v>
      </c>
      <c r="M237" s="3" t="s">
        <v>67</v>
      </c>
      <c r="N237" s="3" t="s">
        <v>74</v>
      </c>
      <c r="O237" s="3" t="s">
        <v>36</v>
      </c>
      <c r="P237" s="3" t="s">
        <v>37</v>
      </c>
      <c r="Q237" s="3" t="s">
        <v>37</v>
      </c>
      <c r="R237" s="3" t="s">
        <v>38</v>
      </c>
      <c r="S237" s="3" t="s">
        <v>784</v>
      </c>
      <c r="T237" s="3" t="s">
        <v>37</v>
      </c>
      <c r="U237" s="3" t="s">
        <v>37</v>
      </c>
      <c r="V237" s="3" t="s">
        <v>37</v>
      </c>
    </row>
    <row r="238" spans="1:22" x14ac:dyDescent="0.25">
      <c r="A238" s="3" t="s">
        <v>22</v>
      </c>
      <c r="B238" s="4" t="s">
        <v>708</v>
      </c>
      <c r="C238" s="3" t="s">
        <v>709</v>
      </c>
      <c r="D238" s="5" t="s">
        <v>785</v>
      </c>
      <c r="E238" s="3" t="s">
        <v>183</v>
      </c>
      <c r="F238" s="3" t="s">
        <v>184</v>
      </c>
      <c r="G238" s="3" t="s">
        <v>171</v>
      </c>
      <c r="H238" s="3" t="s">
        <v>29</v>
      </c>
      <c r="I238" s="3" t="s">
        <v>37</v>
      </c>
      <c r="J238" s="3" t="s">
        <v>185</v>
      </c>
      <c r="K238" s="3" t="s">
        <v>32</v>
      </c>
      <c r="L238" s="3" t="s">
        <v>110</v>
      </c>
      <c r="M238" s="3" t="s">
        <v>67</v>
      </c>
      <c r="N238" s="3" t="s">
        <v>74</v>
      </c>
      <c r="O238" s="3" t="s">
        <v>36</v>
      </c>
      <c r="P238" s="3" t="s">
        <v>54</v>
      </c>
      <c r="Q238" s="3" t="s">
        <v>37</v>
      </c>
      <c r="R238" s="3" t="s">
        <v>38</v>
      </c>
      <c r="S238" s="3" t="s">
        <v>186</v>
      </c>
      <c r="T238" s="3" t="s">
        <v>37</v>
      </c>
      <c r="U238" s="3" t="s">
        <v>37</v>
      </c>
      <c r="V238" s="3" t="s">
        <v>37</v>
      </c>
    </row>
    <row r="239" spans="1:22" x14ac:dyDescent="0.25">
      <c r="A239" s="3" t="s">
        <v>22</v>
      </c>
      <c r="B239" s="4" t="s">
        <v>708</v>
      </c>
      <c r="C239" s="3" t="s">
        <v>709</v>
      </c>
      <c r="D239" s="5" t="s">
        <v>786</v>
      </c>
      <c r="E239" s="3" t="s">
        <v>188</v>
      </c>
      <c r="F239" s="3" t="s">
        <v>189</v>
      </c>
      <c r="G239" s="3" t="s">
        <v>147</v>
      </c>
      <c r="H239" s="3" t="s">
        <v>49</v>
      </c>
      <c r="I239" s="3" t="s">
        <v>37</v>
      </c>
      <c r="J239" s="3" t="s">
        <v>190</v>
      </c>
      <c r="K239" s="3" t="s">
        <v>32</v>
      </c>
      <c r="L239" s="3" t="s">
        <v>110</v>
      </c>
      <c r="M239" s="3" t="s">
        <v>67</v>
      </c>
      <c r="N239" s="3" t="s">
        <v>52</v>
      </c>
      <c r="O239" s="3" t="s">
        <v>179</v>
      </c>
      <c r="P239" s="3" t="s">
        <v>37</v>
      </c>
      <c r="Q239" s="3" t="s">
        <v>37</v>
      </c>
      <c r="R239" s="3" t="s">
        <v>38</v>
      </c>
      <c r="S239" s="3" t="s">
        <v>191</v>
      </c>
      <c r="T239" s="3" t="s">
        <v>37</v>
      </c>
      <c r="U239" s="3" t="s">
        <v>37</v>
      </c>
      <c r="V239" s="3" t="s">
        <v>37</v>
      </c>
    </row>
    <row r="240" spans="1:22" x14ac:dyDescent="0.25">
      <c r="A240" s="3"/>
      <c r="B240" s="4"/>
      <c r="C240" s="3"/>
      <c r="D240" s="5"/>
      <c r="E240" s="6" t="s">
        <v>236</v>
      </c>
      <c r="F240" s="3"/>
      <c r="G240" s="3"/>
      <c r="H240" s="3"/>
      <c r="I240" s="3"/>
      <c r="J240" s="3"/>
      <c r="K240" s="3"/>
      <c r="L240" s="3"/>
      <c r="M240" s="3"/>
      <c r="N240" s="3"/>
      <c r="O240" s="3"/>
      <c r="P240" s="3"/>
      <c r="Q240" s="3"/>
      <c r="R240" s="3"/>
      <c r="S240" s="3"/>
      <c r="T240" s="3"/>
      <c r="U240" s="3"/>
      <c r="V240" s="3"/>
    </row>
    <row r="241" spans="1:22" x14ac:dyDescent="0.25">
      <c r="A241" s="3"/>
      <c r="B241" s="4"/>
      <c r="C241" s="3"/>
      <c r="D241" s="5"/>
      <c r="E241" s="6"/>
      <c r="F241" s="3"/>
      <c r="G241" s="3"/>
      <c r="H241" s="3"/>
      <c r="I241" s="3"/>
      <c r="J241" s="3"/>
      <c r="K241" s="3"/>
      <c r="L241" s="3"/>
      <c r="M241" s="3"/>
      <c r="N241" s="3"/>
      <c r="O241" s="3"/>
      <c r="P241" s="3"/>
      <c r="Q241" s="3"/>
      <c r="R241" s="3"/>
      <c r="S241" s="3"/>
      <c r="T241" s="3"/>
      <c r="U241" s="3"/>
      <c r="V241" s="3"/>
    </row>
    <row r="242" spans="1:22" x14ac:dyDescent="0.25">
      <c r="A242" s="3" t="s">
        <v>22</v>
      </c>
      <c r="B242" s="4" t="s">
        <v>787</v>
      </c>
      <c r="C242" s="3" t="s">
        <v>788</v>
      </c>
      <c r="D242" s="5" t="s">
        <v>25</v>
      </c>
      <c r="E242" s="3" t="s">
        <v>396</v>
      </c>
      <c r="F242" s="3" t="s">
        <v>789</v>
      </c>
      <c r="G242" s="3" t="s">
        <v>379</v>
      </c>
      <c r="H242" s="3" t="s">
        <v>65</v>
      </c>
      <c r="I242" s="3" t="s">
        <v>790</v>
      </c>
      <c r="J242" s="3" t="s">
        <v>791</v>
      </c>
      <c r="K242" s="3" t="s">
        <v>32</v>
      </c>
      <c r="L242" s="3" t="s">
        <v>33</v>
      </c>
      <c r="M242" s="3" t="s">
        <v>67</v>
      </c>
      <c r="N242" s="3" t="s">
        <v>142</v>
      </c>
      <c r="O242" s="3" t="s">
        <v>53</v>
      </c>
      <c r="P242" s="3" t="s">
        <v>54</v>
      </c>
      <c r="Q242" s="3" t="s">
        <v>37</v>
      </c>
      <c r="R242" s="3" t="s">
        <v>38</v>
      </c>
      <c r="S242" s="3" t="s">
        <v>792</v>
      </c>
      <c r="T242" s="3" t="s">
        <v>37</v>
      </c>
      <c r="U242" s="3" t="s">
        <v>37</v>
      </c>
      <c r="V242" s="3" t="s">
        <v>37</v>
      </c>
    </row>
    <row r="243" spans="1:22" x14ac:dyDescent="0.25">
      <c r="A243" s="3" t="s">
        <v>22</v>
      </c>
      <c r="B243" s="4" t="s">
        <v>787</v>
      </c>
      <c r="C243" s="3" t="s">
        <v>788</v>
      </c>
      <c r="D243" s="5" t="s">
        <v>40</v>
      </c>
      <c r="E243" s="3" t="s">
        <v>396</v>
      </c>
      <c r="F243" s="3" t="s">
        <v>793</v>
      </c>
      <c r="G243" s="3" t="s">
        <v>582</v>
      </c>
      <c r="H243" s="3" t="s">
        <v>65</v>
      </c>
      <c r="I243" s="3" t="s">
        <v>794</v>
      </c>
      <c r="J243" s="3" t="s">
        <v>795</v>
      </c>
      <c r="K243" s="3" t="s">
        <v>32</v>
      </c>
      <c r="L243" s="3" t="s">
        <v>33</v>
      </c>
      <c r="M243" s="3" t="s">
        <v>67</v>
      </c>
      <c r="N243" s="3" t="s">
        <v>142</v>
      </c>
      <c r="O243" s="3" t="s">
        <v>53</v>
      </c>
      <c r="P243" s="3" t="s">
        <v>54</v>
      </c>
      <c r="Q243" s="3" t="s">
        <v>37</v>
      </c>
      <c r="R243" s="3" t="s">
        <v>38</v>
      </c>
      <c r="S243" s="3" t="s">
        <v>796</v>
      </c>
      <c r="T243" s="3" t="s">
        <v>37</v>
      </c>
      <c r="U243" s="3" t="s">
        <v>37</v>
      </c>
      <c r="V243" s="3" t="s">
        <v>37</v>
      </c>
    </row>
    <row r="244" spans="1:22" x14ac:dyDescent="0.25">
      <c r="A244" s="3" t="s">
        <v>22</v>
      </c>
      <c r="B244" s="4" t="s">
        <v>787</v>
      </c>
      <c r="C244" s="3" t="s">
        <v>788</v>
      </c>
      <c r="D244" s="5" t="s">
        <v>45</v>
      </c>
      <c r="E244" s="3" t="s">
        <v>46</v>
      </c>
      <c r="F244" s="3" t="s">
        <v>405</v>
      </c>
      <c r="G244" s="3" t="s">
        <v>379</v>
      </c>
      <c r="H244" s="3" t="s">
        <v>65</v>
      </c>
      <c r="I244" s="3" t="s">
        <v>50</v>
      </c>
      <c r="J244" s="3" t="s">
        <v>406</v>
      </c>
      <c r="K244" s="3" t="s">
        <v>32</v>
      </c>
      <c r="L244" s="3" t="s">
        <v>33</v>
      </c>
      <c r="M244" s="3" t="s">
        <v>34</v>
      </c>
      <c r="N244" s="3" t="s">
        <v>35</v>
      </c>
      <c r="O244" s="3" t="s">
        <v>53</v>
      </c>
      <c r="P244" s="3" t="s">
        <v>54</v>
      </c>
      <c r="Q244" s="3" t="s">
        <v>85</v>
      </c>
      <c r="R244" s="3" t="s">
        <v>38</v>
      </c>
      <c r="S244" s="3" t="s">
        <v>407</v>
      </c>
      <c r="T244" s="3" t="s">
        <v>37</v>
      </c>
      <c r="U244" s="3" t="s">
        <v>37</v>
      </c>
      <c r="V244" s="3" t="s">
        <v>37</v>
      </c>
    </row>
    <row r="245" spans="1:22" x14ac:dyDescent="0.25">
      <c r="A245" s="3" t="s">
        <v>22</v>
      </c>
      <c r="B245" s="4" t="s">
        <v>787</v>
      </c>
      <c r="C245" s="3" t="s">
        <v>788</v>
      </c>
      <c r="D245" s="5" t="s">
        <v>56</v>
      </c>
      <c r="E245" s="3" t="s">
        <v>46</v>
      </c>
      <c r="F245" s="3" t="s">
        <v>88</v>
      </c>
      <c r="G245" s="3" t="s">
        <v>89</v>
      </c>
      <c r="H245" s="3" t="s">
        <v>65</v>
      </c>
      <c r="I245" s="3" t="s">
        <v>50</v>
      </c>
      <c r="J245" s="3" t="s">
        <v>90</v>
      </c>
      <c r="K245" s="3" t="s">
        <v>32</v>
      </c>
      <c r="L245" s="3" t="s">
        <v>33</v>
      </c>
      <c r="M245" s="3" t="s">
        <v>34</v>
      </c>
      <c r="N245" s="3" t="s">
        <v>35</v>
      </c>
      <c r="O245" s="3" t="s">
        <v>53</v>
      </c>
      <c r="P245" s="3" t="s">
        <v>54</v>
      </c>
      <c r="Q245" s="3" t="s">
        <v>85</v>
      </c>
      <c r="R245" s="3" t="s">
        <v>38</v>
      </c>
      <c r="S245" s="3" t="s">
        <v>91</v>
      </c>
      <c r="T245" s="3" t="s">
        <v>37</v>
      </c>
      <c r="U245" s="3" t="s">
        <v>37</v>
      </c>
      <c r="V245" s="3" t="s">
        <v>37</v>
      </c>
    </row>
    <row r="246" spans="1:22" x14ac:dyDescent="0.25">
      <c r="A246" s="3" t="s">
        <v>22</v>
      </c>
      <c r="B246" s="4" t="s">
        <v>787</v>
      </c>
      <c r="C246" s="3" t="s">
        <v>788</v>
      </c>
      <c r="D246" s="5" t="s">
        <v>408</v>
      </c>
      <c r="E246" s="3" t="s">
        <v>46</v>
      </c>
      <c r="F246" s="3" t="s">
        <v>797</v>
      </c>
      <c r="G246" s="3" t="s">
        <v>420</v>
      </c>
      <c r="H246" s="3" t="s">
        <v>65</v>
      </c>
      <c r="I246" s="3" t="s">
        <v>50</v>
      </c>
      <c r="J246" s="3" t="s">
        <v>798</v>
      </c>
      <c r="K246" s="3" t="s">
        <v>32</v>
      </c>
      <c r="L246" s="3" t="s">
        <v>33</v>
      </c>
      <c r="M246" s="3" t="s">
        <v>34</v>
      </c>
      <c r="N246" s="3" t="s">
        <v>35</v>
      </c>
      <c r="O246" s="3" t="s">
        <v>53</v>
      </c>
      <c r="P246" s="3" t="s">
        <v>54</v>
      </c>
      <c r="Q246" s="3" t="s">
        <v>85</v>
      </c>
      <c r="R246" s="3" t="s">
        <v>38</v>
      </c>
      <c r="S246" s="3" t="s">
        <v>799</v>
      </c>
      <c r="T246" s="3" t="s">
        <v>37</v>
      </c>
      <c r="U246" s="3" t="s">
        <v>37</v>
      </c>
      <c r="V246" s="3" t="s">
        <v>37</v>
      </c>
    </row>
    <row r="247" spans="1:22" x14ac:dyDescent="0.25">
      <c r="A247" s="3" t="s">
        <v>22</v>
      </c>
      <c r="B247" s="4" t="s">
        <v>787</v>
      </c>
      <c r="C247" s="3" t="s">
        <v>788</v>
      </c>
      <c r="D247" s="5" t="s">
        <v>413</v>
      </c>
      <c r="E247" s="3" t="s">
        <v>46</v>
      </c>
      <c r="F247" s="3" t="s">
        <v>490</v>
      </c>
      <c r="G247" s="3" t="s">
        <v>491</v>
      </c>
      <c r="H247" s="3" t="s">
        <v>65</v>
      </c>
      <c r="I247" s="3" t="s">
        <v>50</v>
      </c>
      <c r="J247" s="3" t="s">
        <v>492</v>
      </c>
      <c r="K247" s="3" t="s">
        <v>32</v>
      </c>
      <c r="L247" s="3" t="s">
        <v>33</v>
      </c>
      <c r="M247" s="3" t="s">
        <v>34</v>
      </c>
      <c r="N247" s="3" t="s">
        <v>35</v>
      </c>
      <c r="O247" s="3" t="s">
        <v>53</v>
      </c>
      <c r="P247" s="3" t="s">
        <v>54</v>
      </c>
      <c r="Q247" s="3" t="s">
        <v>85</v>
      </c>
      <c r="R247" s="3" t="s">
        <v>38</v>
      </c>
      <c r="S247" s="3" t="s">
        <v>493</v>
      </c>
      <c r="T247" s="3" t="s">
        <v>37</v>
      </c>
      <c r="U247" s="3" t="s">
        <v>37</v>
      </c>
      <c r="V247" s="3" t="s">
        <v>37</v>
      </c>
    </row>
    <row r="248" spans="1:22" x14ac:dyDescent="0.25">
      <c r="A248" s="3" t="s">
        <v>22</v>
      </c>
      <c r="B248" s="4" t="s">
        <v>787</v>
      </c>
      <c r="C248" s="3" t="s">
        <v>788</v>
      </c>
      <c r="D248" s="5" t="s">
        <v>417</v>
      </c>
      <c r="E248" s="3" t="s">
        <v>108</v>
      </c>
      <c r="F248" s="3" t="s">
        <v>37</v>
      </c>
      <c r="G248" s="3" t="s">
        <v>37</v>
      </c>
      <c r="H248" s="3" t="s">
        <v>37</v>
      </c>
      <c r="I248" s="3" t="s">
        <v>37</v>
      </c>
      <c r="J248" s="3" t="s">
        <v>109</v>
      </c>
      <c r="K248" s="3" t="s">
        <v>32</v>
      </c>
      <c r="L248" s="3" t="s">
        <v>110</v>
      </c>
      <c r="M248" s="3" t="s">
        <v>67</v>
      </c>
      <c r="N248" s="3" t="s">
        <v>74</v>
      </c>
      <c r="O248" s="3" t="s">
        <v>111</v>
      </c>
      <c r="P248" s="3" t="s">
        <v>37</v>
      </c>
      <c r="Q248" s="3" t="s">
        <v>37</v>
      </c>
      <c r="R248" s="3" t="s">
        <v>38</v>
      </c>
      <c r="S248" s="3" t="s">
        <v>112</v>
      </c>
      <c r="T248" s="3" t="s">
        <v>37</v>
      </c>
      <c r="U248" s="3" t="s">
        <v>37</v>
      </c>
      <c r="V248" s="3" t="s">
        <v>37</v>
      </c>
    </row>
    <row r="249" spans="1:22" x14ac:dyDescent="0.25">
      <c r="A249" s="3" t="s">
        <v>22</v>
      </c>
      <c r="B249" s="4" t="s">
        <v>787</v>
      </c>
      <c r="C249" s="3" t="s">
        <v>788</v>
      </c>
      <c r="D249" s="5" t="s">
        <v>428</v>
      </c>
      <c r="E249" s="3" t="s">
        <v>70</v>
      </c>
      <c r="F249" s="3" t="s">
        <v>800</v>
      </c>
      <c r="G249" s="3" t="s">
        <v>801</v>
      </c>
      <c r="H249" s="3" t="s">
        <v>49</v>
      </c>
      <c r="I249" s="3" t="s">
        <v>37</v>
      </c>
      <c r="J249" s="3" t="s">
        <v>802</v>
      </c>
      <c r="K249" s="3" t="s">
        <v>32</v>
      </c>
      <c r="L249" s="3" t="s">
        <v>33</v>
      </c>
      <c r="M249" s="3" t="s">
        <v>67</v>
      </c>
      <c r="N249" s="3" t="s">
        <v>74</v>
      </c>
      <c r="O249" s="3" t="s">
        <v>53</v>
      </c>
      <c r="P249" s="3" t="s">
        <v>54</v>
      </c>
      <c r="Q249" s="3" t="s">
        <v>37</v>
      </c>
      <c r="R249" s="3" t="s">
        <v>38</v>
      </c>
      <c r="S249" s="3" t="s">
        <v>803</v>
      </c>
      <c r="T249" s="3" t="s">
        <v>37</v>
      </c>
      <c r="U249" s="3" t="s">
        <v>37</v>
      </c>
      <c r="V249" s="3" t="s">
        <v>37</v>
      </c>
    </row>
    <row r="250" spans="1:22" x14ac:dyDescent="0.25">
      <c r="A250" s="3" t="s">
        <v>22</v>
      </c>
      <c r="B250" s="4" t="s">
        <v>787</v>
      </c>
      <c r="C250" s="3" t="s">
        <v>788</v>
      </c>
      <c r="D250" s="5" t="s">
        <v>291</v>
      </c>
      <c r="E250" s="3" t="s">
        <v>70</v>
      </c>
      <c r="F250" s="3" t="s">
        <v>804</v>
      </c>
      <c r="G250" s="3" t="s">
        <v>805</v>
      </c>
      <c r="H250" s="3" t="s">
        <v>49</v>
      </c>
      <c r="I250" s="3" t="s">
        <v>37</v>
      </c>
      <c r="J250" s="3" t="s">
        <v>802</v>
      </c>
      <c r="K250" s="3" t="s">
        <v>32</v>
      </c>
      <c r="L250" s="3" t="s">
        <v>33</v>
      </c>
      <c r="M250" s="3" t="s">
        <v>67</v>
      </c>
      <c r="N250" s="3" t="s">
        <v>74</v>
      </c>
      <c r="O250" s="3" t="s">
        <v>53</v>
      </c>
      <c r="P250" s="3" t="s">
        <v>54</v>
      </c>
      <c r="Q250" s="3" t="s">
        <v>37</v>
      </c>
      <c r="R250" s="3" t="s">
        <v>38</v>
      </c>
      <c r="S250" s="3" t="s">
        <v>806</v>
      </c>
      <c r="T250" s="3" t="s">
        <v>37</v>
      </c>
      <c r="U250" s="3" t="s">
        <v>37</v>
      </c>
      <c r="V250" s="3" t="s">
        <v>37</v>
      </c>
    </row>
    <row r="251" spans="1:22" x14ac:dyDescent="0.25">
      <c r="A251" s="3" t="s">
        <v>22</v>
      </c>
      <c r="B251" s="4" t="s">
        <v>787</v>
      </c>
      <c r="C251" s="3" t="s">
        <v>788</v>
      </c>
      <c r="D251" s="5" t="s">
        <v>296</v>
      </c>
      <c r="E251" s="3" t="s">
        <v>46</v>
      </c>
      <c r="F251" s="3" t="s">
        <v>120</v>
      </c>
      <c r="G251" s="3" t="s">
        <v>121</v>
      </c>
      <c r="H251" s="3" t="s">
        <v>29</v>
      </c>
      <c r="I251" s="3" t="s">
        <v>50</v>
      </c>
      <c r="J251" s="3" t="s">
        <v>122</v>
      </c>
      <c r="K251" s="3" t="s">
        <v>32</v>
      </c>
      <c r="L251" s="3" t="s">
        <v>37</v>
      </c>
      <c r="M251" s="3" t="s">
        <v>34</v>
      </c>
      <c r="N251" s="3" t="s">
        <v>117</v>
      </c>
      <c r="O251" s="3" t="s">
        <v>53</v>
      </c>
      <c r="P251" s="3" t="s">
        <v>54</v>
      </c>
      <c r="Q251" s="3" t="s">
        <v>37</v>
      </c>
      <c r="R251" s="3" t="s">
        <v>38</v>
      </c>
      <c r="S251" s="3" t="s">
        <v>123</v>
      </c>
      <c r="T251" s="3" t="s">
        <v>37</v>
      </c>
      <c r="U251" s="3" t="s">
        <v>37</v>
      </c>
      <c r="V251" s="3" t="s">
        <v>37</v>
      </c>
    </row>
    <row r="252" spans="1:22" x14ac:dyDescent="0.25">
      <c r="A252" s="3" t="s">
        <v>22</v>
      </c>
      <c r="B252" s="4" t="s">
        <v>787</v>
      </c>
      <c r="C252" s="3" t="s">
        <v>788</v>
      </c>
      <c r="D252" s="5" t="s">
        <v>300</v>
      </c>
      <c r="E252" s="3" t="s">
        <v>62</v>
      </c>
      <c r="F252" s="3" t="s">
        <v>63</v>
      </c>
      <c r="G252" s="3" t="s">
        <v>64</v>
      </c>
      <c r="H252" s="3" t="s">
        <v>65</v>
      </c>
      <c r="I252" s="3" t="s">
        <v>37</v>
      </c>
      <c r="J252" s="3" t="s">
        <v>66</v>
      </c>
      <c r="K252" s="3" t="s">
        <v>32</v>
      </c>
      <c r="L252" s="3" t="s">
        <v>33</v>
      </c>
      <c r="M252" s="3" t="s">
        <v>67</v>
      </c>
      <c r="N252" s="3" t="s">
        <v>52</v>
      </c>
      <c r="O252" s="3" t="s">
        <v>53</v>
      </c>
      <c r="P252" s="3" t="s">
        <v>54</v>
      </c>
      <c r="Q252" s="3" t="s">
        <v>37</v>
      </c>
      <c r="R252" s="3" t="s">
        <v>38</v>
      </c>
      <c r="S252" s="3" t="s">
        <v>68</v>
      </c>
      <c r="T252" s="3" t="s">
        <v>37</v>
      </c>
      <c r="U252" s="3" t="s">
        <v>37</v>
      </c>
      <c r="V252" s="3" t="s">
        <v>37</v>
      </c>
    </row>
    <row r="253" spans="1:22" x14ac:dyDescent="0.25">
      <c r="A253" s="3" t="s">
        <v>22</v>
      </c>
      <c r="B253" s="4" t="s">
        <v>787</v>
      </c>
      <c r="C253" s="3" t="s">
        <v>788</v>
      </c>
      <c r="D253" s="5" t="s">
        <v>440</v>
      </c>
      <c r="E253" s="3" t="s">
        <v>62</v>
      </c>
      <c r="F253" s="3" t="s">
        <v>345</v>
      </c>
      <c r="G253" s="3" t="s">
        <v>346</v>
      </c>
      <c r="H253" s="3" t="s">
        <v>65</v>
      </c>
      <c r="I253" s="3" t="s">
        <v>37</v>
      </c>
      <c r="J253" s="3" t="s">
        <v>347</v>
      </c>
      <c r="K253" s="3" t="s">
        <v>32</v>
      </c>
      <c r="L253" s="3" t="s">
        <v>33</v>
      </c>
      <c r="M253" s="3" t="s">
        <v>67</v>
      </c>
      <c r="N253" s="3" t="s">
        <v>52</v>
      </c>
      <c r="O253" s="3" t="s">
        <v>270</v>
      </c>
      <c r="P253" s="3" t="s">
        <v>54</v>
      </c>
      <c r="Q253" s="3" t="s">
        <v>37</v>
      </c>
      <c r="R253" s="3" t="s">
        <v>38</v>
      </c>
      <c r="S253" s="3" t="s">
        <v>348</v>
      </c>
      <c r="T253" s="3" t="s">
        <v>37</v>
      </c>
      <c r="U253" s="3" t="s">
        <v>37</v>
      </c>
      <c r="V253" s="3" t="s">
        <v>37</v>
      </c>
    </row>
    <row r="254" spans="1:22" x14ac:dyDescent="0.25">
      <c r="A254" s="3" t="s">
        <v>22</v>
      </c>
      <c r="B254" s="4" t="s">
        <v>787</v>
      </c>
      <c r="C254" s="3" t="s">
        <v>788</v>
      </c>
      <c r="D254" s="5" t="s">
        <v>304</v>
      </c>
      <c r="E254" s="3" t="s">
        <v>444</v>
      </c>
      <c r="F254" s="3" t="s">
        <v>807</v>
      </c>
      <c r="G254" s="3" t="s">
        <v>491</v>
      </c>
      <c r="H254" s="3" t="s">
        <v>29</v>
      </c>
      <c r="I254" s="3" t="s">
        <v>37</v>
      </c>
      <c r="J254" s="3" t="s">
        <v>808</v>
      </c>
      <c r="K254" s="3" t="s">
        <v>32</v>
      </c>
      <c r="L254" s="3" t="s">
        <v>33</v>
      </c>
      <c r="M254" s="3" t="s">
        <v>67</v>
      </c>
      <c r="N254" s="3" t="s">
        <v>447</v>
      </c>
      <c r="O254" s="3" t="s">
        <v>53</v>
      </c>
      <c r="P254" s="3" t="s">
        <v>37</v>
      </c>
      <c r="Q254" s="3" t="s">
        <v>37</v>
      </c>
      <c r="R254" s="3" t="s">
        <v>38</v>
      </c>
      <c r="S254" s="3" t="s">
        <v>809</v>
      </c>
      <c r="T254" s="3" t="s">
        <v>181</v>
      </c>
      <c r="U254" s="3" t="s">
        <v>37</v>
      </c>
      <c r="V254" s="3" t="s">
        <v>37</v>
      </c>
    </row>
    <row r="255" spans="1:22" x14ac:dyDescent="0.25">
      <c r="A255" s="3" t="s">
        <v>22</v>
      </c>
      <c r="B255" s="4" t="s">
        <v>787</v>
      </c>
      <c r="C255" s="3" t="s">
        <v>788</v>
      </c>
      <c r="D255" s="5" t="s">
        <v>310</v>
      </c>
      <c r="E255" s="3" t="s">
        <v>449</v>
      </c>
      <c r="F255" s="3" t="s">
        <v>810</v>
      </c>
      <c r="G255" s="3" t="s">
        <v>325</v>
      </c>
      <c r="H255" s="3" t="s">
        <v>65</v>
      </c>
      <c r="I255" s="3" t="s">
        <v>37</v>
      </c>
      <c r="J255" s="3" t="s">
        <v>811</v>
      </c>
      <c r="K255" s="3" t="s">
        <v>32</v>
      </c>
      <c r="L255" s="3" t="s">
        <v>33</v>
      </c>
      <c r="M255" s="3" t="s">
        <v>67</v>
      </c>
      <c r="N255" s="3" t="s">
        <v>52</v>
      </c>
      <c r="O255" s="3" t="s">
        <v>53</v>
      </c>
      <c r="P255" s="3" t="s">
        <v>37</v>
      </c>
      <c r="Q255" s="3" t="s">
        <v>37</v>
      </c>
      <c r="R255" s="3" t="s">
        <v>38</v>
      </c>
      <c r="S255" s="3" t="s">
        <v>812</v>
      </c>
      <c r="T255" s="3" t="s">
        <v>37</v>
      </c>
      <c r="U255" s="3" t="s">
        <v>37</v>
      </c>
      <c r="V255" s="3" t="s">
        <v>37</v>
      </c>
    </row>
    <row r="256" spans="1:22" x14ac:dyDescent="0.25">
      <c r="A256" s="3" t="s">
        <v>22</v>
      </c>
      <c r="B256" s="4" t="s">
        <v>787</v>
      </c>
      <c r="C256" s="3" t="s">
        <v>788</v>
      </c>
      <c r="D256" s="5" t="s">
        <v>453</v>
      </c>
      <c r="E256" s="3" t="s">
        <v>46</v>
      </c>
      <c r="F256" s="3" t="s">
        <v>265</v>
      </c>
      <c r="G256" s="3" t="s">
        <v>127</v>
      </c>
      <c r="H256" s="3" t="s">
        <v>49</v>
      </c>
      <c r="I256" s="3" t="s">
        <v>50</v>
      </c>
      <c r="J256" s="3" t="s">
        <v>266</v>
      </c>
      <c r="K256" s="3" t="s">
        <v>32</v>
      </c>
      <c r="L256" s="3" t="s">
        <v>33</v>
      </c>
      <c r="M256" s="3" t="s">
        <v>34</v>
      </c>
      <c r="N256" s="3" t="s">
        <v>52</v>
      </c>
      <c r="O256" s="3" t="s">
        <v>53</v>
      </c>
      <c r="P256" s="3" t="s">
        <v>54</v>
      </c>
      <c r="Q256" s="3" t="s">
        <v>37</v>
      </c>
      <c r="R256" s="3" t="s">
        <v>38</v>
      </c>
      <c r="S256" s="3" t="s">
        <v>267</v>
      </c>
      <c r="T256" s="3" t="s">
        <v>37</v>
      </c>
      <c r="U256" s="3" t="s">
        <v>37</v>
      </c>
      <c r="V256" s="3" t="s">
        <v>37</v>
      </c>
    </row>
    <row r="257" spans="1:22" ht="0.6" customHeight="1" x14ac:dyDescent="0.25">
      <c r="A257" s="3" t="s">
        <v>22</v>
      </c>
      <c r="B257" s="4" t="s">
        <v>787</v>
      </c>
      <c r="C257" s="3" t="s">
        <v>788</v>
      </c>
      <c r="D257" s="5" t="s">
        <v>458</v>
      </c>
      <c r="E257" s="3" t="s">
        <v>46</v>
      </c>
      <c r="F257" s="3" t="s">
        <v>647</v>
      </c>
      <c r="G257" s="3" t="s">
        <v>319</v>
      </c>
      <c r="H257" s="3" t="s">
        <v>49</v>
      </c>
      <c r="I257" s="3" t="s">
        <v>50</v>
      </c>
      <c r="J257" s="3" t="s">
        <v>648</v>
      </c>
      <c r="K257" s="3" t="s">
        <v>32</v>
      </c>
      <c r="L257" s="3" t="s">
        <v>33</v>
      </c>
      <c r="M257" s="3" t="s">
        <v>34</v>
      </c>
      <c r="N257" s="3" t="s">
        <v>52</v>
      </c>
      <c r="O257" s="3" t="s">
        <v>53</v>
      </c>
      <c r="P257" s="3" t="s">
        <v>54</v>
      </c>
      <c r="Q257" s="3" t="s">
        <v>37</v>
      </c>
      <c r="R257" s="3" t="s">
        <v>38</v>
      </c>
      <c r="S257" s="3" t="s">
        <v>649</v>
      </c>
      <c r="T257" s="3" t="s">
        <v>37</v>
      </c>
      <c r="U257" s="3" t="s">
        <v>37</v>
      </c>
      <c r="V257" s="3" t="s">
        <v>37</v>
      </c>
    </row>
    <row r="258" spans="1:22" x14ac:dyDescent="0.25">
      <c r="A258" s="3" t="s">
        <v>22</v>
      </c>
      <c r="B258" s="4" t="s">
        <v>787</v>
      </c>
      <c r="C258" s="3" t="s">
        <v>788</v>
      </c>
      <c r="D258" s="5" t="s">
        <v>124</v>
      </c>
      <c r="E258" s="3" t="s">
        <v>125</v>
      </c>
      <c r="F258" s="3" t="s">
        <v>813</v>
      </c>
      <c r="G258" s="3" t="s">
        <v>273</v>
      </c>
      <c r="H258" s="3" t="s">
        <v>29</v>
      </c>
      <c r="I258" s="3" t="s">
        <v>388</v>
      </c>
      <c r="J258" s="3" t="s">
        <v>814</v>
      </c>
      <c r="K258" s="3" t="s">
        <v>32</v>
      </c>
      <c r="L258" s="3" t="s">
        <v>33</v>
      </c>
      <c r="M258" s="3" t="s">
        <v>67</v>
      </c>
      <c r="N258" s="3" t="s">
        <v>52</v>
      </c>
      <c r="O258" s="3" t="s">
        <v>53</v>
      </c>
      <c r="P258" s="3" t="s">
        <v>54</v>
      </c>
      <c r="Q258" s="3" t="s">
        <v>37</v>
      </c>
      <c r="R258" s="3" t="s">
        <v>38</v>
      </c>
      <c r="S258" s="3" t="s">
        <v>815</v>
      </c>
      <c r="T258" s="3" t="s">
        <v>37</v>
      </c>
      <c r="U258" s="3" t="s">
        <v>37</v>
      </c>
      <c r="V258" s="3" t="s">
        <v>37</v>
      </c>
    </row>
    <row r="259" spans="1:22" x14ac:dyDescent="0.25">
      <c r="A259" s="3" t="s">
        <v>22</v>
      </c>
      <c r="B259" s="4" t="s">
        <v>787</v>
      </c>
      <c r="C259" s="3" t="s">
        <v>788</v>
      </c>
      <c r="D259" s="5" t="s">
        <v>130</v>
      </c>
      <c r="E259" s="3" t="s">
        <v>125</v>
      </c>
      <c r="F259" s="3" t="s">
        <v>816</v>
      </c>
      <c r="G259" s="3" t="s">
        <v>278</v>
      </c>
      <c r="H259" s="3" t="s">
        <v>29</v>
      </c>
      <c r="I259" s="3" t="s">
        <v>132</v>
      </c>
      <c r="J259" s="3" t="s">
        <v>817</v>
      </c>
      <c r="K259" s="3" t="s">
        <v>32</v>
      </c>
      <c r="L259" s="3" t="s">
        <v>33</v>
      </c>
      <c r="M259" s="3" t="s">
        <v>67</v>
      </c>
      <c r="N259" s="3" t="s">
        <v>52</v>
      </c>
      <c r="O259" s="3" t="s">
        <v>53</v>
      </c>
      <c r="P259" s="3" t="s">
        <v>54</v>
      </c>
      <c r="Q259" s="3" t="s">
        <v>37</v>
      </c>
      <c r="R259" s="3" t="s">
        <v>38</v>
      </c>
      <c r="S259" s="3" t="s">
        <v>818</v>
      </c>
      <c r="T259" s="3" t="s">
        <v>37</v>
      </c>
      <c r="U259" s="3" t="s">
        <v>37</v>
      </c>
      <c r="V259" s="3" t="s">
        <v>37</v>
      </c>
    </row>
    <row r="260" spans="1:22" x14ac:dyDescent="0.25">
      <c r="A260" s="3" t="s">
        <v>22</v>
      </c>
      <c r="B260" s="4" t="s">
        <v>787</v>
      </c>
      <c r="C260" s="3" t="s">
        <v>788</v>
      </c>
      <c r="D260" s="5" t="s">
        <v>135</v>
      </c>
      <c r="E260" s="3" t="s">
        <v>125</v>
      </c>
      <c r="F260" s="3" t="s">
        <v>658</v>
      </c>
      <c r="G260" s="3" t="s">
        <v>139</v>
      </c>
      <c r="H260" s="3" t="s">
        <v>49</v>
      </c>
      <c r="I260" s="3" t="s">
        <v>37</v>
      </c>
      <c r="J260" s="3" t="s">
        <v>659</v>
      </c>
      <c r="K260" s="3" t="s">
        <v>32</v>
      </c>
      <c r="L260" s="3" t="s">
        <v>33</v>
      </c>
      <c r="M260" s="3" t="s">
        <v>67</v>
      </c>
      <c r="N260" s="3" t="s">
        <v>74</v>
      </c>
      <c r="O260" s="3" t="s">
        <v>53</v>
      </c>
      <c r="P260" s="3" t="s">
        <v>37</v>
      </c>
      <c r="Q260" s="3" t="s">
        <v>37</v>
      </c>
      <c r="R260" s="3" t="s">
        <v>38</v>
      </c>
      <c r="S260" s="3" t="s">
        <v>660</v>
      </c>
      <c r="T260" s="3" t="s">
        <v>37</v>
      </c>
      <c r="U260" s="3" t="s">
        <v>37</v>
      </c>
      <c r="V260" s="3" t="s">
        <v>37</v>
      </c>
    </row>
    <row r="261" spans="1:22" x14ac:dyDescent="0.25">
      <c r="A261" s="3" t="s">
        <v>22</v>
      </c>
      <c r="B261" s="4" t="s">
        <v>787</v>
      </c>
      <c r="C261" s="3" t="s">
        <v>788</v>
      </c>
      <c r="D261" s="5" t="s">
        <v>145</v>
      </c>
      <c r="E261" s="3" t="s">
        <v>46</v>
      </c>
      <c r="F261" s="3" t="s">
        <v>574</v>
      </c>
      <c r="G261" s="3" t="s">
        <v>575</v>
      </c>
      <c r="H261" s="3" t="s">
        <v>29</v>
      </c>
      <c r="I261" s="3" t="s">
        <v>50</v>
      </c>
      <c r="J261" s="3" t="s">
        <v>576</v>
      </c>
      <c r="K261" s="3" t="s">
        <v>32</v>
      </c>
      <c r="L261" s="3" t="s">
        <v>33</v>
      </c>
      <c r="M261" s="3" t="s">
        <v>34</v>
      </c>
      <c r="N261" s="3" t="s">
        <v>117</v>
      </c>
      <c r="O261" s="3" t="s">
        <v>179</v>
      </c>
      <c r="P261" s="3" t="s">
        <v>54</v>
      </c>
      <c r="Q261" s="3" t="s">
        <v>37</v>
      </c>
      <c r="R261" s="3" t="s">
        <v>38</v>
      </c>
      <c r="S261" s="3" t="s">
        <v>577</v>
      </c>
      <c r="T261" s="3" t="s">
        <v>37</v>
      </c>
      <c r="U261" s="3" t="s">
        <v>37</v>
      </c>
      <c r="V261" s="3" t="s">
        <v>37</v>
      </c>
    </row>
    <row r="262" spans="1:22" x14ac:dyDescent="0.25">
      <c r="A262" s="3" t="s">
        <v>22</v>
      </c>
      <c r="B262" s="4" t="s">
        <v>787</v>
      </c>
      <c r="C262" s="3" t="s">
        <v>788</v>
      </c>
      <c r="D262" s="5" t="s">
        <v>473</v>
      </c>
      <c r="E262" s="3" t="s">
        <v>46</v>
      </c>
      <c r="F262" s="3" t="s">
        <v>578</v>
      </c>
      <c r="G262" s="3" t="s">
        <v>579</v>
      </c>
      <c r="H262" s="3" t="s">
        <v>29</v>
      </c>
      <c r="I262" s="3" t="s">
        <v>50</v>
      </c>
      <c r="J262" s="3" t="s">
        <v>580</v>
      </c>
      <c r="K262" s="3" t="s">
        <v>32</v>
      </c>
      <c r="L262" s="3" t="s">
        <v>33</v>
      </c>
      <c r="M262" s="3" t="s">
        <v>34</v>
      </c>
      <c r="N262" s="3" t="s">
        <v>117</v>
      </c>
      <c r="O262" s="3" t="s">
        <v>53</v>
      </c>
      <c r="P262" s="3" t="s">
        <v>54</v>
      </c>
      <c r="Q262" s="3" t="s">
        <v>37</v>
      </c>
      <c r="R262" s="3" t="s">
        <v>38</v>
      </c>
      <c r="S262" s="3" t="s">
        <v>581</v>
      </c>
      <c r="T262" s="3" t="s">
        <v>37</v>
      </c>
      <c r="U262" s="3" t="s">
        <v>37</v>
      </c>
      <c r="V262" s="3" t="s">
        <v>37</v>
      </c>
    </row>
    <row r="263" spans="1:22" x14ac:dyDescent="0.25">
      <c r="A263" s="3" t="s">
        <v>22</v>
      </c>
      <c r="B263" s="4" t="s">
        <v>787</v>
      </c>
      <c r="C263" s="3" t="s">
        <v>788</v>
      </c>
      <c r="D263" s="5" t="s">
        <v>478</v>
      </c>
      <c r="E263" s="3" t="s">
        <v>46</v>
      </c>
      <c r="F263" s="3" t="s">
        <v>650</v>
      </c>
      <c r="G263" s="3" t="s">
        <v>609</v>
      </c>
      <c r="H263" s="3" t="s">
        <v>49</v>
      </c>
      <c r="I263" s="3" t="s">
        <v>50</v>
      </c>
      <c r="J263" s="3" t="s">
        <v>651</v>
      </c>
      <c r="K263" s="3" t="s">
        <v>32</v>
      </c>
      <c r="L263" s="3" t="s">
        <v>33</v>
      </c>
      <c r="M263" s="3" t="s">
        <v>34</v>
      </c>
      <c r="N263" s="3" t="s">
        <v>52</v>
      </c>
      <c r="O263" s="3" t="s">
        <v>53</v>
      </c>
      <c r="P263" s="3" t="s">
        <v>54</v>
      </c>
      <c r="Q263" s="3" t="s">
        <v>37</v>
      </c>
      <c r="R263" s="3" t="s">
        <v>38</v>
      </c>
      <c r="S263" s="3" t="s">
        <v>652</v>
      </c>
      <c r="T263" s="3" t="s">
        <v>37</v>
      </c>
      <c r="U263" s="3" t="s">
        <v>37</v>
      </c>
      <c r="V263" s="3" t="s">
        <v>37</v>
      </c>
    </row>
    <row r="264" spans="1:22" x14ac:dyDescent="0.25">
      <c r="A264" s="3" t="s">
        <v>22</v>
      </c>
      <c r="B264" s="4" t="s">
        <v>787</v>
      </c>
      <c r="C264" s="3" t="s">
        <v>788</v>
      </c>
      <c r="D264" s="5" t="s">
        <v>164</v>
      </c>
      <c r="E264" s="3" t="s">
        <v>819</v>
      </c>
      <c r="F264" s="3" t="s">
        <v>37</v>
      </c>
      <c r="G264" s="3" t="s">
        <v>37</v>
      </c>
      <c r="H264" s="3" t="s">
        <v>37</v>
      </c>
      <c r="I264" s="3" t="s">
        <v>820</v>
      </c>
      <c r="J264" s="3" t="s">
        <v>821</v>
      </c>
      <c r="K264" s="3" t="s">
        <v>822</v>
      </c>
      <c r="L264" s="3" t="s">
        <v>33</v>
      </c>
      <c r="M264" s="3" t="s">
        <v>34</v>
      </c>
      <c r="N264" s="3" t="s">
        <v>447</v>
      </c>
      <c r="O264" s="3" t="s">
        <v>823</v>
      </c>
      <c r="P264" s="3" t="s">
        <v>37</v>
      </c>
      <c r="Q264" s="3" t="s">
        <v>37</v>
      </c>
      <c r="R264" s="3" t="s">
        <v>38</v>
      </c>
      <c r="S264" s="3" t="s">
        <v>824</v>
      </c>
      <c r="T264" s="3" t="s">
        <v>37</v>
      </c>
      <c r="U264" s="3" t="s">
        <v>37</v>
      </c>
      <c r="V264" s="3" t="s">
        <v>37</v>
      </c>
    </row>
    <row r="265" spans="1:22" x14ac:dyDescent="0.25">
      <c r="A265" s="3" t="s">
        <v>22</v>
      </c>
      <c r="B265" s="4" t="s">
        <v>787</v>
      </c>
      <c r="C265" s="3" t="s">
        <v>788</v>
      </c>
      <c r="D265" s="5" t="s">
        <v>174</v>
      </c>
      <c r="E265" s="3" t="s">
        <v>227</v>
      </c>
      <c r="F265" s="3" t="s">
        <v>228</v>
      </c>
      <c r="G265" s="3" t="s">
        <v>104</v>
      </c>
      <c r="H265" s="3" t="s">
        <v>65</v>
      </c>
      <c r="I265" s="3" t="s">
        <v>37</v>
      </c>
      <c r="J265" s="3" t="s">
        <v>230</v>
      </c>
      <c r="K265" s="3" t="s">
        <v>32</v>
      </c>
      <c r="L265" s="3" t="s">
        <v>110</v>
      </c>
      <c r="M265" s="3" t="s">
        <v>67</v>
      </c>
      <c r="N265" s="3" t="s">
        <v>74</v>
      </c>
      <c r="O265" s="3" t="s">
        <v>36</v>
      </c>
      <c r="P265" s="3" t="s">
        <v>37</v>
      </c>
      <c r="Q265" s="3" t="s">
        <v>37</v>
      </c>
      <c r="R265" s="3" t="s">
        <v>38</v>
      </c>
      <c r="S265" s="3" t="s">
        <v>825</v>
      </c>
      <c r="T265" s="3" t="s">
        <v>181</v>
      </c>
      <c r="U265" s="3" t="s">
        <v>37</v>
      </c>
      <c r="V265" s="3" t="s">
        <v>37</v>
      </c>
    </row>
    <row r="266" spans="1:22" x14ac:dyDescent="0.25">
      <c r="A266" s="3" t="s">
        <v>22</v>
      </c>
      <c r="B266" s="4" t="s">
        <v>787</v>
      </c>
      <c r="C266" s="3" t="s">
        <v>788</v>
      </c>
      <c r="D266" s="5" t="s">
        <v>182</v>
      </c>
      <c r="E266" s="3" t="s">
        <v>227</v>
      </c>
      <c r="F266" s="3" t="s">
        <v>228</v>
      </c>
      <c r="G266" s="3" t="s">
        <v>65</v>
      </c>
      <c r="H266" s="3" t="s">
        <v>65</v>
      </c>
      <c r="I266" s="3" t="s">
        <v>37</v>
      </c>
      <c r="J266" s="3" t="s">
        <v>230</v>
      </c>
      <c r="K266" s="3" t="s">
        <v>32</v>
      </c>
      <c r="L266" s="3" t="s">
        <v>110</v>
      </c>
      <c r="M266" s="3" t="s">
        <v>67</v>
      </c>
      <c r="N266" s="3" t="s">
        <v>74</v>
      </c>
      <c r="O266" s="3" t="s">
        <v>36</v>
      </c>
      <c r="P266" s="3" t="s">
        <v>37</v>
      </c>
      <c r="Q266" s="3" t="s">
        <v>37</v>
      </c>
      <c r="R266" s="3" t="s">
        <v>38</v>
      </c>
      <c r="S266" s="3" t="s">
        <v>826</v>
      </c>
      <c r="T266" s="3" t="s">
        <v>181</v>
      </c>
      <c r="U266" s="3" t="s">
        <v>37</v>
      </c>
      <c r="V266" s="3" t="s">
        <v>37</v>
      </c>
    </row>
    <row r="267" spans="1:22" x14ac:dyDescent="0.25">
      <c r="A267" s="3" t="s">
        <v>22</v>
      </c>
      <c r="B267" s="4" t="s">
        <v>787</v>
      </c>
      <c r="C267" s="3" t="s">
        <v>788</v>
      </c>
      <c r="D267" s="5" t="s">
        <v>187</v>
      </c>
      <c r="E267" s="3" t="s">
        <v>227</v>
      </c>
      <c r="F267" s="3" t="s">
        <v>228</v>
      </c>
      <c r="G267" s="3" t="s">
        <v>194</v>
      </c>
      <c r="H267" s="3" t="s">
        <v>65</v>
      </c>
      <c r="I267" s="3" t="s">
        <v>37</v>
      </c>
      <c r="J267" s="3" t="s">
        <v>230</v>
      </c>
      <c r="K267" s="3" t="s">
        <v>32</v>
      </c>
      <c r="L267" s="3" t="s">
        <v>110</v>
      </c>
      <c r="M267" s="3" t="s">
        <v>67</v>
      </c>
      <c r="N267" s="3" t="s">
        <v>74</v>
      </c>
      <c r="O267" s="3" t="s">
        <v>36</v>
      </c>
      <c r="P267" s="3" t="s">
        <v>37</v>
      </c>
      <c r="Q267" s="3" t="s">
        <v>37</v>
      </c>
      <c r="R267" s="3" t="s">
        <v>38</v>
      </c>
      <c r="S267" s="3" t="s">
        <v>827</v>
      </c>
      <c r="T267" s="3" t="s">
        <v>181</v>
      </c>
      <c r="U267" s="3" t="s">
        <v>37</v>
      </c>
      <c r="V267" s="3" t="s">
        <v>37</v>
      </c>
    </row>
    <row r="268" spans="1:22" x14ac:dyDescent="0.25">
      <c r="A268" s="3" t="s">
        <v>22</v>
      </c>
      <c r="B268" s="4" t="s">
        <v>787</v>
      </c>
      <c r="C268" s="3" t="s">
        <v>788</v>
      </c>
      <c r="D268" s="5" t="s">
        <v>192</v>
      </c>
      <c r="E268" s="3" t="s">
        <v>46</v>
      </c>
      <c r="F268" s="3" t="s">
        <v>98</v>
      </c>
      <c r="G268" s="3" t="s">
        <v>99</v>
      </c>
      <c r="H268" s="3" t="s">
        <v>65</v>
      </c>
      <c r="I268" s="3" t="s">
        <v>50</v>
      </c>
      <c r="J268" s="3" t="s">
        <v>100</v>
      </c>
      <c r="K268" s="3" t="s">
        <v>32</v>
      </c>
      <c r="L268" s="3" t="s">
        <v>33</v>
      </c>
      <c r="M268" s="3" t="s">
        <v>34</v>
      </c>
      <c r="N268" s="3" t="s">
        <v>35</v>
      </c>
      <c r="O268" s="3" t="s">
        <v>53</v>
      </c>
      <c r="P268" s="3" t="s">
        <v>54</v>
      </c>
      <c r="Q268" s="3" t="s">
        <v>85</v>
      </c>
      <c r="R268" s="3" t="s">
        <v>38</v>
      </c>
      <c r="S268" s="3" t="s">
        <v>101</v>
      </c>
      <c r="T268" s="3" t="s">
        <v>37</v>
      </c>
      <c r="U268" s="3" t="s">
        <v>37</v>
      </c>
      <c r="V268" s="3" t="s">
        <v>37</v>
      </c>
    </row>
    <row r="269" spans="1:22" x14ac:dyDescent="0.25">
      <c r="A269" s="3" t="s">
        <v>22</v>
      </c>
      <c r="B269" s="4" t="s">
        <v>787</v>
      </c>
      <c r="C269" s="3" t="s">
        <v>788</v>
      </c>
      <c r="D269" s="5" t="s">
        <v>197</v>
      </c>
      <c r="E269" s="3" t="s">
        <v>46</v>
      </c>
      <c r="F269" s="3" t="s">
        <v>103</v>
      </c>
      <c r="G269" s="3" t="s">
        <v>104</v>
      </c>
      <c r="H269" s="3" t="s">
        <v>65</v>
      </c>
      <c r="I269" s="3" t="s">
        <v>50</v>
      </c>
      <c r="J269" s="3" t="s">
        <v>105</v>
      </c>
      <c r="K269" s="3" t="s">
        <v>32</v>
      </c>
      <c r="L269" s="3" t="s">
        <v>33</v>
      </c>
      <c r="M269" s="3" t="s">
        <v>34</v>
      </c>
      <c r="N269" s="3" t="s">
        <v>35</v>
      </c>
      <c r="O269" s="3" t="s">
        <v>53</v>
      </c>
      <c r="P269" s="3" t="s">
        <v>54</v>
      </c>
      <c r="Q269" s="3" t="s">
        <v>85</v>
      </c>
      <c r="R269" s="3" t="s">
        <v>38</v>
      </c>
      <c r="S269" s="3" t="s">
        <v>106</v>
      </c>
      <c r="T269" s="3" t="s">
        <v>37</v>
      </c>
      <c r="U269" s="3" t="s">
        <v>37</v>
      </c>
      <c r="V269" s="3" t="s">
        <v>37</v>
      </c>
    </row>
    <row r="270" spans="1:22" x14ac:dyDescent="0.25">
      <c r="A270" s="3" t="s">
        <v>22</v>
      </c>
      <c r="B270" s="4" t="s">
        <v>787</v>
      </c>
      <c r="C270" s="3" t="s">
        <v>788</v>
      </c>
      <c r="D270" s="5" t="s">
        <v>498</v>
      </c>
      <c r="E270" s="3" t="s">
        <v>46</v>
      </c>
      <c r="F270" s="3" t="s">
        <v>828</v>
      </c>
      <c r="G270" s="3" t="s">
        <v>177</v>
      </c>
      <c r="H270" s="3" t="s">
        <v>65</v>
      </c>
      <c r="I270" s="3" t="s">
        <v>50</v>
      </c>
      <c r="J270" s="3" t="s">
        <v>829</v>
      </c>
      <c r="K270" s="3" t="s">
        <v>32</v>
      </c>
      <c r="L270" s="3" t="s">
        <v>33</v>
      </c>
      <c r="M270" s="3" t="s">
        <v>34</v>
      </c>
      <c r="N270" s="3" t="s">
        <v>35</v>
      </c>
      <c r="O270" s="3" t="s">
        <v>53</v>
      </c>
      <c r="P270" s="3" t="s">
        <v>54</v>
      </c>
      <c r="Q270" s="3" t="s">
        <v>85</v>
      </c>
      <c r="R270" s="3" t="s">
        <v>38</v>
      </c>
      <c r="S270" s="3" t="s">
        <v>830</v>
      </c>
      <c r="T270" s="3" t="s">
        <v>37</v>
      </c>
      <c r="U270" s="3" t="s">
        <v>37</v>
      </c>
      <c r="V270" s="3" t="s">
        <v>37</v>
      </c>
    </row>
    <row r="271" spans="1:22" x14ac:dyDescent="0.25">
      <c r="A271" s="3" t="s">
        <v>22</v>
      </c>
      <c r="B271" s="4" t="s">
        <v>787</v>
      </c>
      <c r="C271" s="3" t="s">
        <v>788</v>
      </c>
      <c r="D271" s="5" t="s">
        <v>505</v>
      </c>
      <c r="E271" s="3" t="s">
        <v>46</v>
      </c>
      <c r="F271" s="3" t="s">
        <v>831</v>
      </c>
      <c r="G271" s="3" t="s">
        <v>360</v>
      </c>
      <c r="H271" s="3" t="s">
        <v>65</v>
      </c>
      <c r="I271" s="3" t="s">
        <v>50</v>
      </c>
      <c r="J271" s="3" t="s">
        <v>832</v>
      </c>
      <c r="K271" s="3" t="s">
        <v>32</v>
      </c>
      <c r="L271" s="3" t="s">
        <v>33</v>
      </c>
      <c r="M271" s="3" t="s">
        <v>34</v>
      </c>
      <c r="N271" s="3" t="s">
        <v>35</v>
      </c>
      <c r="O271" s="3" t="s">
        <v>53</v>
      </c>
      <c r="P271" s="3" t="s">
        <v>54</v>
      </c>
      <c r="Q271" s="3" t="s">
        <v>85</v>
      </c>
      <c r="R271" s="3" t="s">
        <v>38</v>
      </c>
      <c r="S271" s="3" t="s">
        <v>833</v>
      </c>
      <c r="T271" s="3" t="s">
        <v>37</v>
      </c>
      <c r="U271" s="3" t="s">
        <v>37</v>
      </c>
      <c r="V271" s="3" t="s">
        <v>37</v>
      </c>
    </row>
    <row r="272" spans="1:22" x14ac:dyDescent="0.25">
      <c r="A272" s="3" t="s">
        <v>22</v>
      </c>
      <c r="B272" s="4" t="s">
        <v>787</v>
      </c>
      <c r="C272" s="3" t="s">
        <v>788</v>
      </c>
      <c r="D272" s="5" t="s">
        <v>212</v>
      </c>
      <c r="E272" s="3" t="s">
        <v>510</v>
      </c>
      <c r="F272" s="3" t="s">
        <v>834</v>
      </c>
      <c r="G272" s="3" t="s">
        <v>336</v>
      </c>
      <c r="H272" s="3" t="s">
        <v>325</v>
      </c>
      <c r="I272" s="3" t="s">
        <v>37</v>
      </c>
      <c r="J272" s="3" t="s">
        <v>835</v>
      </c>
      <c r="K272" s="3" t="s">
        <v>32</v>
      </c>
      <c r="L272" s="3" t="s">
        <v>110</v>
      </c>
      <c r="M272" s="3" t="s">
        <v>67</v>
      </c>
      <c r="N272" s="3" t="s">
        <v>52</v>
      </c>
      <c r="O272" s="3" t="s">
        <v>179</v>
      </c>
      <c r="P272" s="3" t="s">
        <v>54</v>
      </c>
      <c r="Q272" s="3" t="s">
        <v>37</v>
      </c>
      <c r="R272" s="3" t="s">
        <v>38</v>
      </c>
      <c r="S272" s="3" t="s">
        <v>836</v>
      </c>
      <c r="T272" s="3" t="s">
        <v>37</v>
      </c>
      <c r="U272" s="3" t="s">
        <v>37</v>
      </c>
      <c r="V272" s="3" t="s">
        <v>37</v>
      </c>
    </row>
    <row r="273" spans="1:22" x14ac:dyDescent="0.25">
      <c r="A273" s="3" t="s">
        <v>22</v>
      </c>
      <c r="B273" s="4" t="s">
        <v>787</v>
      </c>
      <c r="C273" s="3" t="s">
        <v>788</v>
      </c>
      <c r="D273" s="5" t="s">
        <v>217</v>
      </c>
      <c r="E273" s="3" t="s">
        <v>510</v>
      </c>
      <c r="F273" s="3" t="s">
        <v>837</v>
      </c>
      <c r="G273" s="3" t="s">
        <v>430</v>
      </c>
      <c r="H273" s="3" t="s">
        <v>325</v>
      </c>
      <c r="I273" s="3" t="s">
        <v>37</v>
      </c>
      <c r="J273" s="3" t="s">
        <v>838</v>
      </c>
      <c r="K273" s="3" t="s">
        <v>32</v>
      </c>
      <c r="L273" s="3" t="s">
        <v>110</v>
      </c>
      <c r="M273" s="3" t="s">
        <v>67</v>
      </c>
      <c r="N273" s="3" t="s">
        <v>52</v>
      </c>
      <c r="O273" s="3" t="s">
        <v>36</v>
      </c>
      <c r="P273" s="3" t="s">
        <v>54</v>
      </c>
      <c r="Q273" s="3" t="s">
        <v>37</v>
      </c>
      <c r="R273" s="3" t="s">
        <v>38</v>
      </c>
      <c r="S273" s="3" t="s">
        <v>839</v>
      </c>
      <c r="T273" s="3" t="s">
        <v>37</v>
      </c>
      <c r="U273" s="3" t="s">
        <v>37</v>
      </c>
      <c r="V273" s="3" t="s">
        <v>37</v>
      </c>
    </row>
    <row r="274" spans="1:22" x14ac:dyDescent="0.25">
      <c r="A274" s="3" t="s">
        <v>22</v>
      </c>
      <c r="B274" s="4" t="s">
        <v>787</v>
      </c>
      <c r="C274" s="3" t="s">
        <v>788</v>
      </c>
      <c r="D274" s="5" t="s">
        <v>221</v>
      </c>
      <c r="E274" s="3" t="s">
        <v>183</v>
      </c>
      <c r="F274" s="3" t="s">
        <v>840</v>
      </c>
      <c r="G274" s="3" t="s">
        <v>501</v>
      </c>
      <c r="H274" s="3" t="s">
        <v>29</v>
      </c>
      <c r="I274" s="3" t="s">
        <v>37</v>
      </c>
      <c r="J274" s="3" t="s">
        <v>841</v>
      </c>
      <c r="K274" s="3" t="s">
        <v>32</v>
      </c>
      <c r="L274" s="3" t="s">
        <v>110</v>
      </c>
      <c r="M274" s="3" t="s">
        <v>67</v>
      </c>
      <c r="N274" s="3" t="s">
        <v>74</v>
      </c>
      <c r="O274" s="3" t="s">
        <v>36</v>
      </c>
      <c r="P274" s="3" t="s">
        <v>54</v>
      </c>
      <c r="Q274" s="3" t="s">
        <v>37</v>
      </c>
      <c r="R274" s="3" t="s">
        <v>38</v>
      </c>
      <c r="S274" s="3" t="s">
        <v>842</v>
      </c>
      <c r="T274" s="3" t="s">
        <v>37</v>
      </c>
      <c r="U274" s="3" t="s">
        <v>37</v>
      </c>
      <c r="V274" s="3" t="s">
        <v>37</v>
      </c>
    </row>
    <row r="275" spans="1:22" x14ac:dyDescent="0.25">
      <c r="A275" s="3" t="s">
        <v>22</v>
      </c>
      <c r="B275" s="4" t="s">
        <v>787</v>
      </c>
      <c r="C275" s="3" t="s">
        <v>788</v>
      </c>
      <c r="D275" s="5" t="s">
        <v>222</v>
      </c>
      <c r="E275" s="3" t="s">
        <v>183</v>
      </c>
      <c r="F275" s="3" t="s">
        <v>843</v>
      </c>
      <c r="G275" s="3" t="s">
        <v>115</v>
      </c>
      <c r="H275" s="3" t="s">
        <v>29</v>
      </c>
      <c r="I275" s="3" t="s">
        <v>37</v>
      </c>
      <c r="J275" s="3" t="s">
        <v>844</v>
      </c>
      <c r="K275" s="3" t="s">
        <v>32</v>
      </c>
      <c r="L275" s="3" t="s">
        <v>110</v>
      </c>
      <c r="M275" s="3" t="s">
        <v>67</v>
      </c>
      <c r="N275" s="3" t="s">
        <v>74</v>
      </c>
      <c r="O275" s="3" t="s">
        <v>36</v>
      </c>
      <c r="P275" s="3" t="s">
        <v>54</v>
      </c>
      <c r="Q275" s="3" t="s">
        <v>37</v>
      </c>
      <c r="R275" s="3" t="s">
        <v>38</v>
      </c>
      <c r="S275" s="3" t="s">
        <v>845</v>
      </c>
      <c r="T275" s="3" t="s">
        <v>37</v>
      </c>
      <c r="U275" s="3" t="s">
        <v>37</v>
      </c>
      <c r="V275" s="3" t="s">
        <v>37</v>
      </c>
    </row>
    <row r="276" spans="1:22" x14ac:dyDescent="0.25">
      <c r="A276" s="3" t="s">
        <v>22</v>
      </c>
      <c r="B276" s="4" t="s">
        <v>787</v>
      </c>
      <c r="C276" s="3" t="s">
        <v>788</v>
      </c>
      <c r="D276" s="5" t="s">
        <v>226</v>
      </c>
      <c r="E276" s="3" t="s">
        <v>527</v>
      </c>
      <c r="F276" s="3" t="s">
        <v>846</v>
      </c>
      <c r="G276" s="3" t="s">
        <v>847</v>
      </c>
      <c r="H276" s="3" t="s">
        <v>29</v>
      </c>
      <c r="I276" s="3" t="s">
        <v>848</v>
      </c>
      <c r="J276" s="3" t="s">
        <v>849</v>
      </c>
      <c r="K276" s="3" t="s">
        <v>32</v>
      </c>
      <c r="L276" s="3" t="s">
        <v>110</v>
      </c>
      <c r="M276" s="3" t="s">
        <v>532</v>
      </c>
      <c r="N276" s="3" t="s">
        <v>533</v>
      </c>
      <c r="O276" s="3" t="s">
        <v>850</v>
      </c>
      <c r="P276" s="3" t="s">
        <v>54</v>
      </c>
      <c r="Q276" s="3" t="s">
        <v>85</v>
      </c>
      <c r="R276" s="3" t="s">
        <v>38</v>
      </c>
      <c r="S276" s="3" t="s">
        <v>851</v>
      </c>
      <c r="T276" s="3" t="s">
        <v>37</v>
      </c>
      <c r="U276" s="3" t="s">
        <v>37</v>
      </c>
      <c r="V276" s="3" t="s">
        <v>37</v>
      </c>
    </row>
    <row r="277" spans="1:22" x14ac:dyDescent="0.25">
      <c r="A277" s="3"/>
      <c r="B277" s="4"/>
      <c r="C277" s="3"/>
      <c r="D277" s="5"/>
      <c r="E277" s="6" t="s">
        <v>236</v>
      </c>
      <c r="F277" s="3"/>
      <c r="G277" s="3"/>
      <c r="H277" s="3"/>
      <c r="I277" s="3"/>
      <c r="J277" s="3"/>
      <c r="K277" s="3"/>
      <c r="L277" s="3"/>
      <c r="M277" s="3"/>
      <c r="N277" s="3"/>
      <c r="O277" s="3"/>
      <c r="P277" s="3"/>
      <c r="Q277" s="3"/>
      <c r="R277" s="3"/>
      <c r="S277" s="3"/>
      <c r="T277" s="3"/>
      <c r="U277" s="3"/>
      <c r="V277" s="3"/>
    </row>
    <row r="278" spans="1:22" x14ac:dyDescent="0.25">
      <c r="A278" s="3"/>
      <c r="B278" s="4"/>
      <c r="C278" s="3"/>
      <c r="D278" s="5"/>
      <c r="E278" s="6"/>
      <c r="F278" s="3"/>
      <c r="G278" s="3"/>
      <c r="H278" s="3"/>
      <c r="I278" s="3"/>
      <c r="J278" s="3"/>
      <c r="K278" s="3"/>
      <c r="L278" s="3"/>
      <c r="M278" s="3"/>
      <c r="N278" s="3"/>
      <c r="O278" s="3"/>
      <c r="P278" s="3"/>
      <c r="Q278" s="3"/>
      <c r="R278" s="3"/>
      <c r="S278" s="3"/>
      <c r="T278" s="3"/>
      <c r="U278" s="3"/>
      <c r="V278" s="3"/>
    </row>
    <row r="279" spans="1:22" x14ac:dyDescent="0.25">
      <c r="A279" s="3"/>
      <c r="B279" s="4"/>
      <c r="C279" s="3"/>
      <c r="D279" s="5"/>
      <c r="E279" s="6"/>
      <c r="F279" s="3"/>
      <c r="G279" s="3"/>
      <c r="H279" s="3"/>
      <c r="I279" s="3"/>
      <c r="J279" s="3"/>
      <c r="K279" s="3"/>
      <c r="L279" s="3"/>
      <c r="M279" s="3"/>
      <c r="N279" s="3"/>
      <c r="O279" s="3"/>
      <c r="P279" s="3"/>
      <c r="Q279" s="3"/>
      <c r="R279" s="3"/>
      <c r="S279" s="3"/>
      <c r="T279" s="3"/>
      <c r="U279" s="3"/>
      <c r="V279" s="3"/>
    </row>
    <row r="280" spans="1:22" x14ac:dyDescent="0.25">
      <c r="A280" s="3"/>
      <c r="B280" s="4"/>
      <c r="C280" s="3"/>
      <c r="D280" s="5"/>
      <c r="E280" s="3"/>
      <c r="F280" s="3"/>
      <c r="G280" s="3"/>
      <c r="H280" s="3"/>
      <c r="I280" s="3"/>
      <c r="J280" s="3"/>
      <c r="K280" s="3"/>
      <c r="L280" s="3"/>
      <c r="M280" s="3"/>
      <c r="N280" s="3"/>
      <c r="O280" s="3"/>
      <c r="P280" s="3"/>
      <c r="Q280" s="3"/>
      <c r="R280" s="3"/>
      <c r="S280" s="3"/>
      <c r="T280" s="3"/>
      <c r="U280" s="3"/>
      <c r="V280" s="3"/>
    </row>
  </sheetData>
  <pageMargins left="0.7" right="0.7" top="0.75" bottom="0.75" header="0.3" footer="0.3"/>
  <pageSetup orientation="portrait" r:id="rId1"/>
  <tableParts count="1">
    <tablePart r:id="rId2"/>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358"/>
  <sheetViews>
    <sheetView tabSelected="1" workbookViewId="0">
      <selection activeCell="C14" sqref="C14"/>
    </sheetView>
  </sheetViews>
  <sheetFormatPr defaultRowHeight="15" x14ac:dyDescent="0.25"/>
  <cols>
    <col min="1" max="1" width="15.5703125" customWidth="1"/>
    <col min="2" max="2" width="12.42578125" customWidth="1"/>
    <col min="3" max="3" width="11.28515625" customWidth="1"/>
    <col min="4" max="4" width="13.42578125" customWidth="1"/>
    <col min="5" max="5" width="56.85546875" customWidth="1"/>
    <col min="6" max="6" width="51.85546875" customWidth="1"/>
    <col min="7" max="8" width="13.140625" customWidth="1"/>
    <col min="9" max="10" width="93.42578125" customWidth="1"/>
    <col min="11" max="12" width="25.42578125" customWidth="1"/>
    <col min="13" max="14" width="19.28515625" customWidth="1"/>
    <col min="15" max="15" width="16.28515625" customWidth="1"/>
    <col min="16" max="17" width="18.28515625" customWidth="1"/>
    <col min="18" max="18" width="19.7109375" customWidth="1"/>
    <col min="19" max="19" width="20.28515625" customWidth="1"/>
    <col min="20" max="21" width="15.140625" customWidth="1"/>
    <col min="22" max="22" width="18.28515625" customWidth="1"/>
  </cols>
  <sheetData>
    <row r="1" spans="1:22"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853</v>
      </c>
      <c r="B2" s="4" t="s">
        <v>23</v>
      </c>
      <c r="C2" s="3" t="s">
        <v>24</v>
      </c>
      <c r="D2" s="5" t="s">
        <v>25</v>
      </c>
      <c r="E2" s="3" t="s">
        <v>854</v>
      </c>
      <c r="F2" s="3" t="s">
        <v>855</v>
      </c>
      <c r="G2" s="3" t="s">
        <v>94</v>
      </c>
      <c r="H2" s="3" t="s">
        <v>65</v>
      </c>
      <c r="I2" s="3" t="s">
        <v>856</v>
      </c>
      <c r="J2" s="3" t="s">
        <v>857</v>
      </c>
      <c r="K2" s="3" t="s">
        <v>32</v>
      </c>
      <c r="L2" s="3" t="s">
        <v>33</v>
      </c>
      <c r="M2" s="3" t="s">
        <v>67</v>
      </c>
      <c r="N2" s="3" t="s">
        <v>858</v>
      </c>
      <c r="O2" s="3" t="s">
        <v>179</v>
      </c>
      <c r="P2" s="3" t="s">
        <v>37</v>
      </c>
      <c r="Q2" s="3" t="s">
        <v>37</v>
      </c>
      <c r="R2" s="3" t="s">
        <v>38</v>
      </c>
      <c r="S2" s="3" t="s">
        <v>859</v>
      </c>
      <c r="T2" s="3" t="s">
        <v>37</v>
      </c>
      <c r="U2" s="3" t="s">
        <v>37</v>
      </c>
      <c r="V2" s="3" t="s">
        <v>37</v>
      </c>
    </row>
    <row r="3" spans="1:22" x14ac:dyDescent="0.25">
      <c r="A3" s="3" t="s">
        <v>853</v>
      </c>
      <c r="B3" s="4" t="s">
        <v>23</v>
      </c>
      <c r="C3" s="3" t="s">
        <v>24</v>
      </c>
      <c r="D3" s="5" t="s">
        <v>860</v>
      </c>
      <c r="E3" s="3" t="s">
        <v>854</v>
      </c>
      <c r="F3" s="3" t="s">
        <v>861</v>
      </c>
      <c r="G3" s="3" t="s">
        <v>862</v>
      </c>
      <c r="H3" s="3" t="s">
        <v>49</v>
      </c>
      <c r="I3" s="3" t="s">
        <v>863</v>
      </c>
      <c r="J3" s="3" t="s">
        <v>864</v>
      </c>
      <c r="K3" s="3" t="s">
        <v>32</v>
      </c>
      <c r="L3" s="3" t="s">
        <v>33</v>
      </c>
      <c r="M3" s="3" t="s">
        <v>67</v>
      </c>
      <c r="N3" s="3" t="s">
        <v>858</v>
      </c>
      <c r="O3" s="3" t="s">
        <v>179</v>
      </c>
      <c r="P3" s="3" t="s">
        <v>37</v>
      </c>
      <c r="Q3" s="3" t="s">
        <v>37</v>
      </c>
      <c r="R3" s="3" t="s">
        <v>38</v>
      </c>
      <c r="S3" s="3" t="s">
        <v>865</v>
      </c>
      <c r="T3" s="3" t="s">
        <v>37</v>
      </c>
      <c r="U3" s="3" t="s">
        <v>37</v>
      </c>
      <c r="V3" s="3" t="s">
        <v>37</v>
      </c>
    </row>
    <row r="4" spans="1:22" x14ac:dyDescent="0.25">
      <c r="A4" s="3" t="s">
        <v>853</v>
      </c>
      <c r="B4" s="4" t="s">
        <v>23</v>
      </c>
      <c r="C4" s="3" t="s">
        <v>24</v>
      </c>
      <c r="D4" s="5" t="s">
        <v>45</v>
      </c>
      <c r="E4" s="3" t="s">
        <v>866</v>
      </c>
      <c r="F4" s="3" t="s">
        <v>867</v>
      </c>
      <c r="G4" s="3" t="s">
        <v>49</v>
      </c>
      <c r="H4" s="3" t="s">
        <v>65</v>
      </c>
      <c r="I4" s="3" t="s">
        <v>868</v>
      </c>
      <c r="J4" s="3" t="s">
        <v>869</v>
      </c>
      <c r="K4" s="3" t="s">
        <v>32</v>
      </c>
      <c r="L4" s="3" t="s">
        <v>33</v>
      </c>
      <c r="M4" s="3" t="s">
        <v>34</v>
      </c>
      <c r="N4" s="3" t="s">
        <v>52</v>
      </c>
      <c r="O4" s="3" t="s">
        <v>53</v>
      </c>
      <c r="P4" s="3" t="s">
        <v>37</v>
      </c>
      <c r="Q4" s="3" t="s">
        <v>37</v>
      </c>
      <c r="R4" s="3" t="s">
        <v>38</v>
      </c>
      <c r="S4" s="3" t="s">
        <v>870</v>
      </c>
      <c r="T4" s="3" t="s">
        <v>37</v>
      </c>
      <c r="U4" s="3" t="s">
        <v>37</v>
      </c>
      <c r="V4" s="3" t="s">
        <v>37</v>
      </c>
    </row>
    <row r="5" spans="1:22" x14ac:dyDescent="0.25">
      <c r="A5" s="3" t="s">
        <v>853</v>
      </c>
      <c r="B5" s="4" t="s">
        <v>23</v>
      </c>
      <c r="C5" s="3" t="s">
        <v>24</v>
      </c>
      <c r="D5" s="5" t="s">
        <v>871</v>
      </c>
      <c r="E5" s="3" t="s">
        <v>872</v>
      </c>
      <c r="F5" s="3" t="s">
        <v>873</v>
      </c>
      <c r="G5" s="3" t="s">
        <v>420</v>
      </c>
      <c r="H5" s="3" t="s">
        <v>65</v>
      </c>
      <c r="I5" s="3" t="s">
        <v>37</v>
      </c>
      <c r="J5" s="3" t="s">
        <v>874</v>
      </c>
      <c r="K5" s="3" t="s">
        <v>32</v>
      </c>
      <c r="L5" s="3" t="s">
        <v>33</v>
      </c>
      <c r="M5" s="3" t="s">
        <v>67</v>
      </c>
      <c r="N5" s="3" t="s">
        <v>52</v>
      </c>
      <c r="O5" s="3" t="s">
        <v>53</v>
      </c>
      <c r="P5" s="3" t="s">
        <v>37</v>
      </c>
      <c r="Q5" s="3" t="s">
        <v>37</v>
      </c>
      <c r="R5" s="3" t="s">
        <v>38</v>
      </c>
      <c r="S5" s="3" t="s">
        <v>875</v>
      </c>
      <c r="T5" s="3" t="s">
        <v>37</v>
      </c>
      <c r="U5" s="3" t="s">
        <v>37</v>
      </c>
      <c r="V5" s="3" t="s">
        <v>37</v>
      </c>
    </row>
    <row r="6" spans="1:22" x14ac:dyDescent="0.25">
      <c r="A6" s="3" t="s">
        <v>853</v>
      </c>
      <c r="B6" s="4" t="s">
        <v>23</v>
      </c>
      <c r="C6" s="3" t="s">
        <v>24</v>
      </c>
      <c r="D6" s="5" t="s">
        <v>876</v>
      </c>
      <c r="E6" s="3" t="s">
        <v>877</v>
      </c>
      <c r="F6" s="3" t="s">
        <v>878</v>
      </c>
      <c r="G6" s="3" t="s">
        <v>171</v>
      </c>
      <c r="H6" s="3" t="s">
        <v>65</v>
      </c>
      <c r="I6" s="3" t="s">
        <v>879</v>
      </c>
      <c r="J6" s="3" t="s">
        <v>880</v>
      </c>
      <c r="K6" s="3" t="s">
        <v>32</v>
      </c>
      <c r="L6" s="3" t="s">
        <v>33</v>
      </c>
      <c r="M6" s="3" t="s">
        <v>881</v>
      </c>
      <c r="N6" s="3" t="s">
        <v>74</v>
      </c>
      <c r="O6" s="3" t="s">
        <v>143</v>
      </c>
      <c r="P6" s="3" t="s">
        <v>37</v>
      </c>
      <c r="Q6" s="3" t="s">
        <v>37</v>
      </c>
      <c r="R6" s="3" t="s">
        <v>38</v>
      </c>
      <c r="S6" s="3" t="s">
        <v>882</v>
      </c>
      <c r="T6" s="3" t="s">
        <v>37</v>
      </c>
      <c r="U6" s="3" t="s">
        <v>37</v>
      </c>
      <c r="V6" s="3" t="s">
        <v>37</v>
      </c>
    </row>
    <row r="7" spans="1:22" x14ac:dyDescent="0.25">
      <c r="A7" s="3" t="s">
        <v>853</v>
      </c>
      <c r="B7" s="4" t="s">
        <v>23</v>
      </c>
      <c r="C7" s="3" t="s">
        <v>24</v>
      </c>
      <c r="D7" s="5" t="s">
        <v>883</v>
      </c>
      <c r="E7" s="3" t="s">
        <v>877</v>
      </c>
      <c r="F7" s="3" t="s">
        <v>884</v>
      </c>
      <c r="G7" s="3" t="s">
        <v>470</v>
      </c>
      <c r="H7" s="3" t="s">
        <v>65</v>
      </c>
      <c r="I7" s="3" t="s">
        <v>879</v>
      </c>
      <c r="J7" s="3" t="s">
        <v>885</v>
      </c>
      <c r="K7" s="3" t="s">
        <v>32</v>
      </c>
      <c r="L7" s="3" t="s">
        <v>33</v>
      </c>
      <c r="M7" s="3" t="s">
        <v>881</v>
      </c>
      <c r="N7" s="3" t="s">
        <v>74</v>
      </c>
      <c r="O7" s="3" t="s">
        <v>143</v>
      </c>
      <c r="P7" s="3" t="s">
        <v>37</v>
      </c>
      <c r="Q7" s="3" t="s">
        <v>37</v>
      </c>
      <c r="R7" s="3" t="s">
        <v>38</v>
      </c>
      <c r="S7" s="3" t="s">
        <v>886</v>
      </c>
      <c r="T7" s="3" t="s">
        <v>37</v>
      </c>
      <c r="U7" s="3" t="s">
        <v>37</v>
      </c>
      <c r="V7" s="3" t="s">
        <v>37</v>
      </c>
    </row>
    <row r="8" spans="1:22" x14ac:dyDescent="0.25">
      <c r="A8" s="3" t="s">
        <v>853</v>
      </c>
      <c r="B8" s="4" t="s">
        <v>23</v>
      </c>
      <c r="C8" s="3" t="s">
        <v>24</v>
      </c>
      <c r="D8" s="5" t="s">
        <v>887</v>
      </c>
      <c r="E8" s="3" t="s">
        <v>877</v>
      </c>
      <c r="F8" s="3" t="s">
        <v>888</v>
      </c>
      <c r="G8" s="3" t="s">
        <v>434</v>
      </c>
      <c r="H8" s="3" t="s">
        <v>65</v>
      </c>
      <c r="I8" s="3" t="s">
        <v>879</v>
      </c>
      <c r="J8" s="3" t="s">
        <v>889</v>
      </c>
      <c r="K8" s="3" t="s">
        <v>32</v>
      </c>
      <c r="L8" s="3" t="s">
        <v>33</v>
      </c>
      <c r="M8" s="3" t="s">
        <v>881</v>
      </c>
      <c r="N8" s="3" t="s">
        <v>74</v>
      </c>
      <c r="O8" s="3" t="s">
        <v>143</v>
      </c>
      <c r="P8" s="3" t="s">
        <v>37</v>
      </c>
      <c r="Q8" s="3" t="s">
        <v>37</v>
      </c>
      <c r="R8" s="3" t="s">
        <v>38</v>
      </c>
      <c r="S8" s="3" t="s">
        <v>890</v>
      </c>
      <c r="T8" s="3" t="s">
        <v>37</v>
      </c>
      <c r="U8" s="3" t="s">
        <v>37</v>
      </c>
      <c r="V8" s="3" t="s">
        <v>37</v>
      </c>
    </row>
    <row r="9" spans="1:22" x14ac:dyDescent="0.25">
      <c r="A9" s="3" t="s">
        <v>853</v>
      </c>
      <c r="B9" s="4" t="s">
        <v>23</v>
      </c>
      <c r="C9" s="3" t="s">
        <v>24</v>
      </c>
      <c r="D9" s="5" t="s">
        <v>891</v>
      </c>
      <c r="E9" s="3" t="s">
        <v>877</v>
      </c>
      <c r="F9" s="3" t="s">
        <v>892</v>
      </c>
      <c r="G9" s="3" t="s">
        <v>166</v>
      </c>
      <c r="H9" s="3" t="s">
        <v>65</v>
      </c>
      <c r="I9" s="3" t="s">
        <v>879</v>
      </c>
      <c r="J9" s="3" t="s">
        <v>893</v>
      </c>
      <c r="K9" s="3" t="s">
        <v>32</v>
      </c>
      <c r="L9" s="3" t="s">
        <v>33</v>
      </c>
      <c r="M9" s="3" t="s">
        <v>881</v>
      </c>
      <c r="N9" s="3" t="s">
        <v>74</v>
      </c>
      <c r="O9" s="3" t="s">
        <v>143</v>
      </c>
      <c r="P9" s="3" t="s">
        <v>37</v>
      </c>
      <c r="Q9" s="3" t="s">
        <v>37</v>
      </c>
      <c r="R9" s="3" t="s">
        <v>38</v>
      </c>
      <c r="S9" s="3" t="s">
        <v>894</v>
      </c>
      <c r="T9" s="3" t="s">
        <v>37</v>
      </c>
      <c r="U9" s="3" t="s">
        <v>37</v>
      </c>
      <c r="V9" s="3" t="s">
        <v>37</v>
      </c>
    </row>
    <row r="10" spans="1:22" x14ac:dyDescent="0.25">
      <c r="A10" s="3" t="s">
        <v>853</v>
      </c>
      <c r="B10" s="4" t="s">
        <v>23</v>
      </c>
      <c r="C10" s="3" t="s">
        <v>24</v>
      </c>
      <c r="D10" s="5" t="s">
        <v>895</v>
      </c>
      <c r="E10" s="3" t="s">
        <v>877</v>
      </c>
      <c r="F10" s="3" t="s">
        <v>896</v>
      </c>
      <c r="G10" s="3" t="s">
        <v>455</v>
      </c>
      <c r="H10" s="3" t="s">
        <v>65</v>
      </c>
      <c r="I10" s="3" t="s">
        <v>879</v>
      </c>
      <c r="J10" s="3" t="s">
        <v>897</v>
      </c>
      <c r="K10" s="3" t="s">
        <v>32</v>
      </c>
      <c r="L10" s="3" t="s">
        <v>33</v>
      </c>
      <c r="M10" s="3" t="s">
        <v>881</v>
      </c>
      <c r="N10" s="3" t="s">
        <v>74</v>
      </c>
      <c r="O10" s="3" t="s">
        <v>143</v>
      </c>
      <c r="P10" s="3" t="s">
        <v>37</v>
      </c>
      <c r="Q10" s="3" t="s">
        <v>37</v>
      </c>
      <c r="R10" s="3" t="s">
        <v>38</v>
      </c>
      <c r="S10" s="3" t="s">
        <v>898</v>
      </c>
      <c r="T10" s="3" t="s">
        <v>37</v>
      </c>
      <c r="U10" s="3" t="s">
        <v>37</v>
      </c>
      <c r="V10" s="3" t="s">
        <v>37</v>
      </c>
    </row>
    <row r="11" spans="1:22" x14ac:dyDescent="0.25">
      <c r="A11" s="3" t="s">
        <v>853</v>
      </c>
      <c r="B11" s="4" t="s">
        <v>23</v>
      </c>
      <c r="C11" s="3" t="s">
        <v>24</v>
      </c>
      <c r="D11" s="5" t="s">
        <v>76</v>
      </c>
      <c r="E11" s="3" t="s">
        <v>877</v>
      </c>
      <c r="F11" s="3" t="s">
        <v>899</v>
      </c>
      <c r="G11" s="3" t="s">
        <v>248</v>
      </c>
      <c r="H11" s="3" t="s">
        <v>65</v>
      </c>
      <c r="I11" s="3" t="s">
        <v>879</v>
      </c>
      <c r="J11" s="3" t="s">
        <v>900</v>
      </c>
      <c r="K11" s="3" t="s">
        <v>32</v>
      </c>
      <c r="L11" s="3" t="s">
        <v>33</v>
      </c>
      <c r="M11" s="3" t="s">
        <v>881</v>
      </c>
      <c r="N11" s="3" t="s">
        <v>74</v>
      </c>
      <c r="O11" s="3" t="s">
        <v>143</v>
      </c>
      <c r="P11" s="3" t="s">
        <v>37</v>
      </c>
      <c r="Q11" s="3" t="s">
        <v>37</v>
      </c>
      <c r="R11" s="3" t="s">
        <v>38</v>
      </c>
      <c r="S11" s="3" t="s">
        <v>901</v>
      </c>
      <c r="T11" s="3" t="s">
        <v>37</v>
      </c>
      <c r="U11" s="3" t="s">
        <v>37</v>
      </c>
      <c r="V11" s="3" t="s">
        <v>37</v>
      </c>
    </row>
    <row r="12" spans="1:22" x14ac:dyDescent="0.25">
      <c r="A12" s="3" t="s">
        <v>853</v>
      </c>
      <c r="B12" s="4" t="s">
        <v>23</v>
      </c>
      <c r="C12" s="3" t="s">
        <v>24</v>
      </c>
      <c r="D12" s="5" t="s">
        <v>902</v>
      </c>
      <c r="E12" s="3" t="s">
        <v>903</v>
      </c>
      <c r="F12" s="3" t="s">
        <v>904</v>
      </c>
      <c r="G12" s="3" t="s">
        <v>336</v>
      </c>
      <c r="H12" s="3" t="s">
        <v>49</v>
      </c>
      <c r="I12" s="3" t="s">
        <v>37</v>
      </c>
      <c r="J12" s="3" t="s">
        <v>905</v>
      </c>
      <c r="K12" s="3" t="s">
        <v>32</v>
      </c>
      <c r="L12" s="3" t="s">
        <v>33</v>
      </c>
      <c r="M12" s="3" t="s">
        <v>67</v>
      </c>
      <c r="N12" s="3" t="s">
        <v>74</v>
      </c>
      <c r="O12" s="3" t="s">
        <v>179</v>
      </c>
      <c r="P12" s="3" t="s">
        <v>37</v>
      </c>
      <c r="Q12" s="3" t="s">
        <v>37</v>
      </c>
      <c r="R12" s="3" t="s">
        <v>38</v>
      </c>
      <c r="S12" s="3" t="s">
        <v>906</v>
      </c>
      <c r="T12" s="3" t="s">
        <v>37</v>
      </c>
      <c r="U12" s="3" t="s">
        <v>37</v>
      </c>
      <c r="V12" s="3" t="s">
        <v>37</v>
      </c>
    </row>
    <row r="13" spans="1:22" x14ac:dyDescent="0.25">
      <c r="A13" s="3" t="s">
        <v>853</v>
      </c>
      <c r="B13" s="4" t="s">
        <v>23</v>
      </c>
      <c r="C13" s="3" t="s">
        <v>24</v>
      </c>
      <c r="D13" s="5" t="s">
        <v>907</v>
      </c>
      <c r="E13" s="3" t="s">
        <v>903</v>
      </c>
      <c r="F13" s="3" t="s">
        <v>904</v>
      </c>
      <c r="G13" s="3" t="s">
        <v>58</v>
      </c>
      <c r="H13" s="3" t="s">
        <v>49</v>
      </c>
      <c r="I13" s="3" t="s">
        <v>37</v>
      </c>
      <c r="J13" s="7" t="s">
        <v>908</v>
      </c>
      <c r="K13" s="3" t="s">
        <v>32</v>
      </c>
      <c r="L13" s="3" t="s">
        <v>33</v>
      </c>
      <c r="M13" s="3" t="s">
        <v>67</v>
      </c>
      <c r="N13" s="3" t="s">
        <v>74</v>
      </c>
      <c r="O13" s="3" t="s">
        <v>179</v>
      </c>
      <c r="P13" s="3" t="s">
        <v>37</v>
      </c>
      <c r="Q13" s="3" t="s">
        <v>37</v>
      </c>
      <c r="R13" s="3" t="s">
        <v>38</v>
      </c>
      <c r="S13" s="3" t="s">
        <v>909</v>
      </c>
      <c r="T13" s="3" t="s">
        <v>37</v>
      </c>
      <c r="U13" s="3" t="s">
        <v>37</v>
      </c>
      <c r="V13" s="3" t="s">
        <v>37</v>
      </c>
    </row>
    <row r="14" spans="1:22" x14ac:dyDescent="0.25">
      <c r="A14" s="3" t="s">
        <v>853</v>
      </c>
      <c r="B14" s="4" t="s">
        <v>23</v>
      </c>
      <c r="C14" s="3" t="s">
        <v>24</v>
      </c>
      <c r="D14" s="5" t="s">
        <v>910</v>
      </c>
      <c r="E14" s="3" t="s">
        <v>872</v>
      </c>
      <c r="F14" s="3" t="s">
        <v>911</v>
      </c>
      <c r="G14" s="3" t="s">
        <v>99</v>
      </c>
      <c r="H14" s="3" t="s">
        <v>65</v>
      </c>
      <c r="I14" s="3" t="s">
        <v>37</v>
      </c>
      <c r="J14" s="3" t="s">
        <v>912</v>
      </c>
      <c r="K14" s="3" t="s">
        <v>32</v>
      </c>
      <c r="L14" s="3" t="s">
        <v>33</v>
      </c>
      <c r="M14" s="3" t="s">
        <v>67</v>
      </c>
      <c r="N14" s="3" t="s">
        <v>52</v>
      </c>
      <c r="O14" s="3" t="s">
        <v>53</v>
      </c>
      <c r="P14" s="3" t="s">
        <v>37</v>
      </c>
      <c r="Q14" s="3" t="s">
        <v>37</v>
      </c>
      <c r="R14" s="3" t="s">
        <v>38</v>
      </c>
      <c r="S14" s="3" t="s">
        <v>913</v>
      </c>
      <c r="T14" s="3" t="s">
        <v>37</v>
      </c>
      <c r="U14" s="3" t="s">
        <v>37</v>
      </c>
      <c r="V14" s="3" t="s">
        <v>37</v>
      </c>
    </row>
    <row r="15" spans="1:22" x14ac:dyDescent="0.25">
      <c r="A15" s="3" t="s">
        <v>853</v>
      </c>
      <c r="B15" s="4" t="s">
        <v>23</v>
      </c>
      <c r="C15" s="3" t="s">
        <v>24</v>
      </c>
      <c r="D15" s="5" t="s">
        <v>914</v>
      </c>
      <c r="E15" s="3" t="s">
        <v>915</v>
      </c>
      <c r="F15" s="3" t="s">
        <v>916</v>
      </c>
      <c r="G15" s="3" t="s">
        <v>115</v>
      </c>
      <c r="H15" s="3" t="s">
        <v>29</v>
      </c>
      <c r="I15" s="3" t="s">
        <v>37</v>
      </c>
      <c r="J15" s="7" t="s">
        <v>917</v>
      </c>
      <c r="K15" s="3" t="s">
        <v>32</v>
      </c>
      <c r="L15" s="3" t="s">
        <v>33</v>
      </c>
      <c r="M15" s="3" t="s">
        <v>67</v>
      </c>
      <c r="N15" s="3" t="s">
        <v>52</v>
      </c>
      <c r="O15" s="3" t="s">
        <v>179</v>
      </c>
      <c r="P15" s="3" t="s">
        <v>37</v>
      </c>
      <c r="Q15" s="3" t="s">
        <v>37</v>
      </c>
      <c r="R15" s="3" t="s">
        <v>38</v>
      </c>
      <c r="S15" s="3" t="s">
        <v>918</v>
      </c>
      <c r="T15" s="3" t="s">
        <v>37</v>
      </c>
      <c r="U15" s="3" t="s">
        <v>37</v>
      </c>
      <c r="V15" s="3" t="s">
        <v>37</v>
      </c>
    </row>
    <row r="16" spans="1:22" x14ac:dyDescent="0.25">
      <c r="A16" s="3" t="s">
        <v>853</v>
      </c>
      <c r="B16" s="4" t="s">
        <v>23</v>
      </c>
      <c r="C16" s="3" t="s">
        <v>24</v>
      </c>
      <c r="D16" s="5" t="s">
        <v>102</v>
      </c>
      <c r="E16" s="3" t="s">
        <v>919</v>
      </c>
      <c r="F16" s="3" t="s">
        <v>37</v>
      </c>
      <c r="G16" s="3">
        <v>1</v>
      </c>
      <c r="H16" s="3">
        <v>0</v>
      </c>
      <c r="I16" s="3" t="s">
        <v>920</v>
      </c>
      <c r="J16" s="3" t="s">
        <v>921</v>
      </c>
      <c r="K16" s="3" t="s">
        <v>33</v>
      </c>
      <c r="L16" s="3" t="s">
        <v>33</v>
      </c>
      <c r="M16" s="3" t="s">
        <v>67</v>
      </c>
      <c r="N16" s="3" t="s">
        <v>922</v>
      </c>
      <c r="O16" s="3" t="s">
        <v>923</v>
      </c>
      <c r="P16" s="3" t="s">
        <v>37</v>
      </c>
      <c r="Q16" s="3" t="s">
        <v>37</v>
      </c>
      <c r="R16" s="3" t="s">
        <v>38</v>
      </c>
      <c r="S16" s="3" t="s">
        <v>924</v>
      </c>
      <c r="T16" s="3" t="s">
        <v>37</v>
      </c>
      <c r="U16" s="3" t="s">
        <v>37</v>
      </c>
      <c r="V16" s="3" t="s">
        <v>37</v>
      </c>
    </row>
    <row r="17" spans="1:22" x14ac:dyDescent="0.25">
      <c r="A17" s="3" t="s">
        <v>853</v>
      </c>
      <c r="B17" s="4" t="s">
        <v>23</v>
      </c>
      <c r="C17" s="3" t="s">
        <v>24</v>
      </c>
      <c r="D17" s="5" t="s">
        <v>925</v>
      </c>
      <c r="E17" s="3" t="s">
        <v>877</v>
      </c>
      <c r="F17" s="3" t="s">
        <v>926</v>
      </c>
      <c r="G17" s="3" t="s">
        <v>253</v>
      </c>
      <c r="H17" s="3" t="s">
        <v>65</v>
      </c>
      <c r="I17" s="3" t="s">
        <v>879</v>
      </c>
      <c r="J17" s="3" t="s">
        <v>927</v>
      </c>
      <c r="K17" s="3" t="s">
        <v>32</v>
      </c>
      <c r="L17" s="3" t="s">
        <v>33</v>
      </c>
      <c r="M17" s="3" t="s">
        <v>881</v>
      </c>
      <c r="N17" s="3" t="s">
        <v>74</v>
      </c>
      <c r="O17" s="3" t="s">
        <v>143</v>
      </c>
      <c r="P17" s="3" t="s">
        <v>37</v>
      </c>
      <c r="Q17" s="3" t="s">
        <v>37</v>
      </c>
      <c r="R17" s="3" t="s">
        <v>38</v>
      </c>
      <c r="S17" s="3" t="s">
        <v>928</v>
      </c>
      <c r="T17" s="3" t="s">
        <v>37</v>
      </c>
      <c r="U17" s="3" t="s">
        <v>37</v>
      </c>
      <c r="V17" s="3" t="s">
        <v>37</v>
      </c>
    </row>
    <row r="18" spans="1:22" x14ac:dyDescent="0.25">
      <c r="A18" s="3" t="s">
        <v>853</v>
      </c>
      <c r="B18" s="4" t="s">
        <v>23</v>
      </c>
      <c r="C18" s="3" t="s">
        <v>24</v>
      </c>
      <c r="D18" s="5" t="s">
        <v>929</v>
      </c>
      <c r="E18" s="3" t="s">
        <v>877</v>
      </c>
      <c r="F18" s="3" t="s">
        <v>930</v>
      </c>
      <c r="G18" s="3" t="s">
        <v>379</v>
      </c>
      <c r="H18" s="3" t="s">
        <v>65</v>
      </c>
      <c r="I18" s="3" t="s">
        <v>931</v>
      </c>
      <c r="J18" s="3" t="s">
        <v>932</v>
      </c>
      <c r="K18" s="3" t="s">
        <v>32</v>
      </c>
      <c r="L18" s="3" t="s">
        <v>33</v>
      </c>
      <c r="M18" s="3" t="s">
        <v>881</v>
      </c>
      <c r="N18" s="3" t="s">
        <v>74</v>
      </c>
      <c r="O18" s="3" t="s">
        <v>143</v>
      </c>
      <c r="P18" s="3" t="s">
        <v>37</v>
      </c>
      <c r="Q18" s="3" t="s">
        <v>37</v>
      </c>
      <c r="R18" s="3" t="s">
        <v>38</v>
      </c>
      <c r="S18" s="3" t="s">
        <v>933</v>
      </c>
      <c r="T18" s="3" t="s">
        <v>37</v>
      </c>
      <c r="U18" s="3" t="s">
        <v>37</v>
      </c>
      <c r="V18" s="3" t="s">
        <v>37</v>
      </c>
    </row>
    <row r="19" spans="1:22" x14ac:dyDescent="0.25">
      <c r="A19" s="3" t="s">
        <v>853</v>
      </c>
      <c r="B19" s="4" t="s">
        <v>23</v>
      </c>
      <c r="C19" s="3" t="s">
        <v>24</v>
      </c>
      <c r="D19" s="5" t="s">
        <v>304</v>
      </c>
      <c r="E19" s="3" t="s">
        <v>877</v>
      </c>
      <c r="F19" s="3" t="s">
        <v>934</v>
      </c>
      <c r="G19" s="3" t="s">
        <v>65</v>
      </c>
      <c r="H19" s="3" t="s">
        <v>65</v>
      </c>
      <c r="I19" s="3" t="s">
        <v>879</v>
      </c>
      <c r="J19" s="3" t="s">
        <v>935</v>
      </c>
      <c r="K19" s="3" t="s">
        <v>32</v>
      </c>
      <c r="L19" s="3" t="s">
        <v>33</v>
      </c>
      <c r="M19" s="3" t="s">
        <v>881</v>
      </c>
      <c r="N19" s="3" t="s">
        <v>74</v>
      </c>
      <c r="O19" s="3" t="s">
        <v>143</v>
      </c>
      <c r="P19" s="3" t="s">
        <v>37</v>
      </c>
      <c r="Q19" s="3" t="s">
        <v>37</v>
      </c>
      <c r="R19" s="3" t="s">
        <v>38</v>
      </c>
      <c r="S19" s="3" t="s">
        <v>936</v>
      </c>
      <c r="T19" s="3" t="s">
        <v>37</v>
      </c>
      <c r="U19" s="3" t="s">
        <v>37</v>
      </c>
      <c r="V19" s="3" t="s">
        <v>37</v>
      </c>
    </row>
    <row r="20" spans="1:22" x14ac:dyDescent="0.25">
      <c r="A20" s="3" t="s">
        <v>853</v>
      </c>
      <c r="B20" s="4" t="s">
        <v>23</v>
      </c>
      <c r="C20" s="3" t="s">
        <v>24</v>
      </c>
      <c r="D20" s="5" t="s">
        <v>937</v>
      </c>
      <c r="E20" s="3" t="s">
        <v>877</v>
      </c>
      <c r="F20" s="3" t="s">
        <v>938</v>
      </c>
      <c r="G20" s="3" t="s">
        <v>475</v>
      </c>
      <c r="H20" s="3" t="s">
        <v>65</v>
      </c>
      <c r="I20" s="3" t="s">
        <v>879</v>
      </c>
      <c r="J20" s="3" t="s">
        <v>939</v>
      </c>
      <c r="K20" s="3" t="s">
        <v>32</v>
      </c>
      <c r="L20" s="3" t="s">
        <v>33</v>
      </c>
      <c r="M20" s="3" t="s">
        <v>881</v>
      </c>
      <c r="N20" s="3" t="s">
        <v>74</v>
      </c>
      <c r="O20" s="3" t="s">
        <v>143</v>
      </c>
      <c r="P20" s="3" t="s">
        <v>37</v>
      </c>
      <c r="Q20" s="3" t="s">
        <v>37</v>
      </c>
      <c r="R20" s="3" t="s">
        <v>38</v>
      </c>
      <c r="S20" s="3" t="s">
        <v>940</v>
      </c>
      <c r="T20" s="3" t="s">
        <v>37</v>
      </c>
      <c r="U20" s="3" t="s">
        <v>37</v>
      </c>
      <c r="V20" s="3" t="s">
        <v>37</v>
      </c>
    </row>
    <row r="21" spans="1:22" x14ac:dyDescent="0.25">
      <c r="A21" s="3" t="s">
        <v>853</v>
      </c>
      <c r="B21" s="4" t="s">
        <v>23</v>
      </c>
      <c r="C21" s="3" t="s">
        <v>24</v>
      </c>
      <c r="D21" s="5" t="s">
        <v>941</v>
      </c>
      <c r="E21" s="3" t="s">
        <v>877</v>
      </c>
      <c r="F21" s="3" t="s">
        <v>942</v>
      </c>
      <c r="G21" s="3" t="s">
        <v>194</v>
      </c>
      <c r="H21" s="3" t="s">
        <v>65</v>
      </c>
      <c r="I21" s="3" t="s">
        <v>931</v>
      </c>
      <c r="J21" s="3" t="s">
        <v>943</v>
      </c>
      <c r="K21" s="3" t="s">
        <v>32</v>
      </c>
      <c r="L21" s="3" t="s">
        <v>33</v>
      </c>
      <c r="M21" s="3" t="s">
        <v>881</v>
      </c>
      <c r="N21" s="3" t="s">
        <v>74</v>
      </c>
      <c r="O21" s="3" t="s">
        <v>143</v>
      </c>
      <c r="P21" s="3" t="s">
        <v>37</v>
      </c>
      <c r="Q21" s="3" t="s">
        <v>37</v>
      </c>
      <c r="R21" s="3" t="s">
        <v>38</v>
      </c>
      <c r="S21" s="3" t="s">
        <v>944</v>
      </c>
      <c r="T21" s="3" t="s">
        <v>37</v>
      </c>
      <c r="U21" s="3" t="s">
        <v>37</v>
      </c>
      <c r="V21" s="3" t="s">
        <v>37</v>
      </c>
    </row>
    <row r="22" spans="1:22" x14ac:dyDescent="0.25">
      <c r="A22" s="3" t="s">
        <v>853</v>
      </c>
      <c r="B22" s="4" t="s">
        <v>23</v>
      </c>
      <c r="C22" s="3" t="s">
        <v>24</v>
      </c>
      <c r="D22" s="5" t="s">
        <v>945</v>
      </c>
      <c r="E22" s="3" t="s">
        <v>877</v>
      </c>
      <c r="F22" s="3" t="s">
        <v>946</v>
      </c>
      <c r="G22" s="3" t="s">
        <v>420</v>
      </c>
      <c r="H22" s="3" t="s">
        <v>65</v>
      </c>
      <c r="I22" s="3" t="s">
        <v>931</v>
      </c>
      <c r="J22" s="3" t="s">
        <v>947</v>
      </c>
      <c r="K22" s="3" t="s">
        <v>32</v>
      </c>
      <c r="L22" s="3" t="s">
        <v>33</v>
      </c>
      <c r="M22" s="3" t="s">
        <v>881</v>
      </c>
      <c r="N22" s="3" t="s">
        <v>74</v>
      </c>
      <c r="O22" s="3" t="s">
        <v>143</v>
      </c>
      <c r="P22" s="3" t="s">
        <v>37</v>
      </c>
      <c r="Q22" s="3" t="s">
        <v>37</v>
      </c>
      <c r="R22" s="3" t="s">
        <v>38</v>
      </c>
      <c r="S22" s="3" t="s">
        <v>948</v>
      </c>
      <c r="T22" s="3" t="s">
        <v>37</v>
      </c>
      <c r="U22" s="3" t="s">
        <v>37</v>
      </c>
      <c r="V22" s="3" t="s">
        <v>37</v>
      </c>
    </row>
    <row r="23" spans="1:22" x14ac:dyDescent="0.25">
      <c r="A23" s="3" t="s">
        <v>853</v>
      </c>
      <c r="B23" s="4" t="s">
        <v>23</v>
      </c>
      <c r="C23" s="3" t="s">
        <v>24</v>
      </c>
      <c r="D23" s="5" t="s">
        <v>113</v>
      </c>
      <c r="E23" s="3" t="s">
        <v>877</v>
      </c>
      <c r="F23" s="3" t="s">
        <v>949</v>
      </c>
      <c r="G23" s="3" t="s">
        <v>104</v>
      </c>
      <c r="H23" s="3" t="s">
        <v>65</v>
      </c>
      <c r="I23" s="3" t="s">
        <v>879</v>
      </c>
      <c r="J23" s="3" t="s">
        <v>950</v>
      </c>
      <c r="K23" s="3" t="s">
        <v>32</v>
      </c>
      <c r="L23" s="3" t="s">
        <v>33</v>
      </c>
      <c r="M23" s="3" t="s">
        <v>881</v>
      </c>
      <c r="N23" s="3" t="s">
        <v>74</v>
      </c>
      <c r="O23" s="3" t="s">
        <v>143</v>
      </c>
      <c r="P23" s="3" t="s">
        <v>37</v>
      </c>
      <c r="Q23" s="3" t="s">
        <v>37</v>
      </c>
      <c r="R23" s="3" t="s">
        <v>38</v>
      </c>
      <c r="S23" s="3" t="s">
        <v>951</v>
      </c>
      <c r="T23" s="3" t="s">
        <v>37</v>
      </c>
      <c r="U23" s="3" t="s">
        <v>37</v>
      </c>
      <c r="V23" s="3" t="s">
        <v>37</v>
      </c>
    </row>
    <row r="24" spans="1:22" x14ac:dyDescent="0.25">
      <c r="A24" s="3" t="s">
        <v>853</v>
      </c>
      <c r="B24" s="4" t="s">
        <v>23</v>
      </c>
      <c r="C24" s="3" t="s">
        <v>24</v>
      </c>
      <c r="D24" s="5" t="s">
        <v>653</v>
      </c>
      <c r="E24" s="3" t="s">
        <v>877</v>
      </c>
      <c r="F24" s="3" t="s">
        <v>952</v>
      </c>
      <c r="G24" s="3" t="s">
        <v>575</v>
      </c>
      <c r="H24" s="3" t="s">
        <v>65</v>
      </c>
      <c r="I24" s="3" t="s">
        <v>879</v>
      </c>
      <c r="J24" s="3" t="s">
        <v>953</v>
      </c>
      <c r="K24" s="3" t="s">
        <v>32</v>
      </c>
      <c r="L24" s="3" t="s">
        <v>33</v>
      </c>
      <c r="M24" s="3" t="s">
        <v>881</v>
      </c>
      <c r="N24" s="3" t="s">
        <v>74</v>
      </c>
      <c r="O24" s="3" t="s">
        <v>143</v>
      </c>
      <c r="P24" s="3" t="s">
        <v>37</v>
      </c>
      <c r="Q24" s="3" t="s">
        <v>37</v>
      </c>
      <c r="R24" s="3" t="s">
        <v>38</v>
      </c>
      <c r="S24" s="3" t="s">
        <v>954</v>
      </c>
      <c r="T24" s="3" t="s">
        <v>37</v>
      </c>
      <c r="U24" s="3" t="s">
        <v>37</v>
      </c>
      <c r="V24" s="3" t="s">
        <v>37</v>
      </c>
    </row>
    <row r="25" spans="1:22" x14ac:dyDescent="0.25">
      <c r="A25" s="3" t="s">
        <v>853</v>
      </c>
      <c r="B25" s="4" t="s">
        <v>23</v>
      </c>
      <c r="C25" s="3" t="s">
        <v>24</v>
      </c>
      <c r="D25" s="5" t="s">
        <v>955</v>
      </c>
      <c r="E25" s="3" t="s">
        <v>877</v>
      </c>
      <c r="F25" s="3" t="s">
        <v>956</v>
      </c>
      <c r="G25" s="3" t="s">
        <v>177</v>
      </c>
      <c r="H25" s="3" t="s">
        <v>65</v>
      </c>
      <c r="I25" s="3" t="s">
        <v>879</v>
      </c>
      <c r="J25" s="3" t="s">
        <v>957</v>
      </c>
      <c r="K25" s="3" t="s">
        <v>32</v>
      </c>
      <c r="L25" s="3" t="s">
        <v>33</v>
      </c>
      <c r="M25" s="3" t="s">
        <v>881</v>
      </c>
      <c r="N25" s="3" t="s">
        <v>74</v>
      </c>
      <c r="O25" s="3" t="s">
        <v>143</v>
      </c>
      <c r="P25" s="3" t="s">
        <v>37</v>
      </c>
      <c r="Q25" s="3" t="s">
        <v>37</v>
      </c>
      <c r="R25" s="3" t="s">
        <v>38</v>
      </c>
      <c r="S25" s="3" t="s">
        <v>958</v>
      </c>
      <c r="T25" s="3" t="s">
        <v>37</v>
      </c>
      <c r="U25" s="3" t="s">
        <v>37</v>
      </c>
      <c r="V25" s="3" t="s">
        <v>37</v>
      </c>
    </row>
    <row r="26" spans="1:22" x14ac:dyDescent="0.25">
      <c r="A26" s="3" t="s">
        <v>853</v>
      </c>
      <c r="B26" s="4" t="s">
        <v>23</v>
      </c>
      <c r="C26" s="3" t="s">
        <v>24</v>
      </c>
      <c r="D26" s="5" t="s">
        <v>458</v>
      </c>
      <c r="E26" s="3" t="s">
        <v>877</v>
      </c>
      <c r="F26" s="3" t="s">
        <v>959</v>
      </c>
      <c r="G26" s="3" t="s">
        <v>199</v>
      </c>
      <c r="H26" s="3" t="s">
        <v>65</v>
      </c>
      <c r="I26" s="3" t="s">
        <v>931</v>
      </c>
      <c r="J26" s="3" t="s">
        <v>960</v>
      </c>
      <c r="K26" s="3" t="s">
        <v>32</v>
      </c>
      <c r="L26" s="3" t="s">
        <v>33</v>
      </c>
      <c r="M26" s="3" t="s">
        <v>881</v>
      </c>
      <c r="N26" s="3" t="s">
        <v>74</v>
      </c>
      <c r="O26" s="3" t="s">
        <v>143</v>
      </c>
      <c r="P26" s="3" t="s">
        <v>37</v>
      </c>
      <c r="Q26" s="3" t="s">
        <v>37</v>
      </c>
      <c r="R26" s="3" t="s">
        <v>38</v>
      </c>
      <c r="S26" s="3" t="s">
        <v>961</v>
      </c>
      <c r="T26" s="3" t="s">
        <v>37</v>
      </c>
      <c r="U26" s="3" t="s">
        <v>37</v>
      </c>
      <c r="V26" s="3" t="s">
        <v>37</v>
      </c>
    </row>
    <row r="27" spans="1:22" x14ac:dyDescent="0.25">
      <c r="A27" s="3" t="s">
        <v>853</v>
      </c>
      <c r="B27" s="4" t="s">
        <v>23</v>
      </c>
      <c r="C27" s="3" t="s">
        <v>24</v>
      </c>
      <c r="D27" s="5" t="s">
        <v>962</v>
      </c>
      <c r="E27" s="3" t="s">
        <v>877</v>
      </c>
      <c r="F27" s="3" t="s">
        <v>963</v>
      </c>
      <c r="G27" s="3" t="s">
        <v>582</v>
      </c>
      <c r="H27" s="3" t="s">
        <v>65</v>
      </c>
      <c r="I27" s="3" t="s">
        <v>931</v>
      </c>
      <c r="J27" s="3" t="s">
        <v>964</v>
      </c>
      <c r="K27" s="3" t="s">
        <v>32</v>
      </c>
      <c r="L27" s="3" t="s">
        <v>33</v>
      </c>
      <c r="M27" s="3" t="s">
        <v>881</v>
      </c>
      <c r="N27" s="3" t="s">
        <v>74</v>
      </c>
      <c r="O27" s="3" t="s">
        <v>143</v>
      </c>
      <c r="P27" s="3" t="s">
        <v>37</v>
      </c>
      <c r="Q27" s="3" t="s">
        <v>37</v>
      </c>
      <c r="R27" s="3" t="s">
        <v>38</v>
      </c>
      <c r="S27" s="3" t="s">
        <v>965</v>
      </c>
      <c r="T27" s="3" t="s">
        <v>37</v>
      </c>
      <c r="U27" s="3" t="s">
        <v>37</v>
      </c>
      <c r="V27" s="3" t="s">
        <v>37</v>
      </c>
    </row>
    <row r="28" spans="1:22" x14ac:dyDescent="0.25">
      <c r="A28" s="3" t="s">
        <v>853</v>
      </c>
      <c r="B28" s="4" t="s">
        <v>23</v>
      </c>
      <c r="C28" s="3" t="s">
        <v>24</v>
      </c>
      <c r="D28" s="5" t="s">
        <v>966</v>
      </c>
      <c r="E28" s="3" t="s">
        <v>877</v>
      </c>
      <c r="F28" s="3" t="s">
        <v>967</v>
      </c>
      <c r="G28" s="3" t="s">
        <v>83</v>
      </c>
      <c r="H28" s="3" t="s">
        <v>65</v>
      </c>
      <c r="I28" s="3" t="s">
        <v>931</v>
      </c>
      <c r="J28" s="8" t="s">
        <v>968</v>
      </c>
      <c r="K28" s="3" t="s">
        <v>32</v>
      </c>
      <c r="L28" s="3" t="s">
        <v>33</v>
      </c>
      <c r="M28" s="3" t="s">
        <v>881</v>
      </c>
      <c r="N28" s="3" t="s">
        <v>74</v>
      </c>
      <c r="O28" s="3" t="s">
        <v>969</v>
      </c>
      <c r="P28" s="3" t="s">
        <v>37</v>
      </c>
      <c r="Q28" s="3" t="s">
        <v>37</v>
      </c>
      <c r="R28" s="3" t="s">
        <v>38</v>
      </c>
      <c r="S28" s="3" t="s">
        <v>970</v>
      </c>
      <c r="T28" s="3" t="s">
        <v>37</v>
      </c>
      <c r="U28" s="3" t="s">
        <v>37</v>
      </c>
      <c r="V28" s="3" t="s">
        <v>37</v>
      </c>
    </row>
    <row r="29" spans="1:22" x14ac:dyDescent="0.25">
      <c r="A29" s="3" t="s">
        <v>853</v>
      </c>
      <c r="B29" s="4" t="s">
        <v>23</v>
      </c>
      <c r="C29" s="3" t="s">
        <v>24</v>
      </c>
      <c r="D29" s="5" t="s">
        <v>124</v>
      </c>
      <c r="E29" s="3" t="s">
        <v>877</v>
      </c>
      <c r="F29" s="3" t="s">
        <v>971</v>
      </c>
      <c r="G29" s="3" t="s">
        <v>293</v>
      </c>
      <c r="H29" s="3" t="s">
        <v>65</v>
      </c>
      <c r="I29" s="3" t="s">
        <v>931</v>
      </c>
      <c r="J29" s="3" t="s">
        <v>972</v>
      </c>
      <c r="K29" s="3" t="s">
        <v>32</v>
      </c>
      <c r="L29" s="3" t="s">
        <v>33</v>
      </c>
      <c r="M29" s="3" t="s">
        <v>881</v>
      </c>
      <c r="N29" s="3" t="s">
        <v>74</v>
      </c>
      <c r="O29" s="3" t="s">
        <v>143</v>
      </c>
      <c r="P29" s="3" t="s">
        <v>37</v>
      </c>
      <c r="Q29" s="3" t="s">
        <v>37</v>
      </c>
      <c r="R29" s="3" t="s">
        <v>38</v>
      </c>
      <c r="S29" s="3" t="s">
        <v>973</v>
      </c>
      <c r="T29" s="3" t="s">
        <v>37</v>
      </c>
      <c r="U29" s="3" t="s">
        <v>37</v>
      </c>
      <c r="V29" s="3" t="s">
        <v>37</v>
      </c>
    </row>
    <row r="30" spans="1:22" x14ac:dyDescent="0.25">
      <c r="A30" s="3" t="s">
        <v>853</v>
      </c>
      <c r="B30" s="4" t="s">
        <v>23</v>
      </c>
      <c r="C30" s="3" t="s">
        <v>24</v>
      </c>
      <c r="D30" s="5" t="s">
        <v>661</v>
      </c>
      <c r="E30" s="3" t="s">
        <v>877</v>
      </c>
      <c r="F30" s="3" t="s">
        <v>974</v>
      </c>
      <c r="G30" s="3" t="s">
        <v>546</v>
      </c>
      <c r="H30" s="3" t="s">
        <v>65</v>
      </c>
      <c r="I30" s="3" t="s">
        <v>931</v>
      </c>
      <c r="J30" s="3" t="s">
        <v>975</v>
      </c>
      <c r="K30" s="3" t="s">
        <v>32</v>
      </c>
      <c r="L30" s="3" t="s">
        <v>33</v>
      </c>
      <c r="M30" s="3" t="s">
        <v>881</v>
      </c>
      <c r="N30" s="3" t="s">
        <v>74</v>
      </c>
      <c r="O30" s="3" t="s">
        <v>143</v>
      </c>
      <c r="P30" s="3" t="s">
        <v>37</v>
      </c>
      <c r="Q30" s="3" t="s">
        <v>37</v>
      </c>
      <c r="R30" s="3" t="s">
        <v>38</v>
      </c>
      <c r="S30" s="3" t="s">
        <v>976</v>
      </c>
      <c r="T30" s="3" t="s">
        <v>37</v>
      </c>
      <c r="U30" s="3" t="s">
        <v>37</v>
      </c>
      <c r="V30" s="3" t="s">
        <v>37</v>
      </c>
    </row>
    <row r="31" spans="1:22" x14ac:dyDescent="0.25">
      <c r="A31" s="3" t="s">
        <v>853</v>
      </c>
      <c r="B31" s="4" t="s">
        <v>23</v>
      </c>
      <c r="C31" s="3" t="s">
        <v>24</v>
      </c>
      <c r="D31" s="5" t="s">
        <v>977</v>
      </c>
      <c r="E31" s="3" t="s">
        <v>877</v>
      </c>
      <c r="F31" s="3" t="s">
        <v>978</v>
      </c>
      <c r="G31" s="3" t="s">
        <v>29</v>
      </c>
      <c r="H31" s="3" t="s">
        <v>65</v>
      </c>
      <c r="I31" s="3" t="s">
        <v>931</v>
      </c>
      <c r="J31" s="3" t="s">
        <v>979</v>
      </c>
      <c r="K31" s="3" t="s">
        <v>32</v>
      </c>
      <c r="L31" s="3" t="s">
        <v>33</v>
      </c>
      <c r="M31" s="3" t="s">
        <v>881</v>
      </c>
      <c r="N31" s="3" t="s">
        <v>74</v>
      </c>
      <c r="O31" s="3" t="s">
        <v>143</v>
      </c>
      <c r="P31" s="3" t="s">
        <v>37</v>
      </c>
      <c r="Q31" s="3" t="s">
        <v>37</v>
      </c>
      <c r="R31" s="3" t="s">
        <v>38</v>
      </c>
      <c r="S31" s="3" t="s">
        <v>980</v>
      </c>
      <c r="T31" s="3" t="s">
        <v>37</v>
      </c>
      <c r="U31" s="3" t="s">
        <v>37</v>
      </c>
      <c r="V31" s="3" t="s">
        <v>37</v>
      </c>
    </row>
    <row r="32" spans="1:22" x14ac:dyDescent="0.25">
      <c r="A32" s="3" t="s">
        <v>853</v>
      </c>
      <c r="B32" s="4" t="s">
        <v>23</v>
      </c>
      <c r="C32" s="3" t="s">
        <v>24</v>
      </c>
      <c r="D32" s="5" t="s">
        <v>981</v>
      </c>
      <c r="E32" s="3" t="s">
        <v>877</v>
      </c>
      <c r="F32" s="3" t="s">
        <v>982</v>
      </c>
      <c r="G32" s="3" t="s">
        <v>524</v>
      </c>
      <c r="H32" s="3" t="s">
        <v>65</v>
      </c>
      <c r="I32" s="3" t="s">
        <v>879</v>
      </c>
      <c r="J32" s="3" t="s">
        <v>983</v>
      </c>
      <c r="K32" s="3" t="s">
        <v>32</v>
      </c>
      <c r="L32" s="3" t="s">
        <v>33</v>
      </c>
      <c r="M32" s="3" t="s">
        <v>881</v>
      </c>
      <c r="N32" s="3" t="s">
        <v>74</v>
      </c>
      <c r="O32" s="3" t="s">
        <v>143</v>
      </c>
      <c r="P32" s="3" t="s">
        <v>37</v>
      </c>
      <c r="Q32" s="3" t="s">
        <v>37</v>
      </c>
      <c r="R32" s="3" t="s">
        <v>38</v>
      </c>
      <c r="S32" s="3" t="s">
        <v>984</v>
      </c>
      <c r="T32" s="3" t="s">
        <v>37</v>
      </c>
      <c r="U32" s="3" t="s">
        <v>37</v>
      </c>
      <c r="V32" s="3" t="s">
        <v>37</v>
      </c>
    </row>
    <row r="33" spans="1:22" x14ac:dyDescent="0.25">
      <c r="A33" s="3" t="s">
        <v>853</v>
      </c>
      <c r="B33" s="4" t="s">
        <v>23</v>
      </c>
      <c r="C33" s="3" t="s">
        <v>24</v>
      </c>
      <c r="D33" s="5" t="s">
        <v>985</v>
      </c>
      <c r="E33" s="3" t="s">
        <v>877</v>
      </c>
      <c r="F33" s="3" t="s">
        <v>986</v>
      </c>
      <c r="G33" s="3" t="s">
        <v>139</v>
      </c>
      <c r="H33" s="3" t="s">
        <v>65</v>
      </c>
      <c r="I33" s="3" t="s">
        <v>879</v>
      </c>
      <c r="J33" s="8" t="s">
        <v>968</v>
      </c>
      <c r="K33" s="3" t="s">
        <v>32</v>
      </c>
      <c r="L33" s="3" t="s">
        <v>33</v>
      </c>
      <c r="M33" s="3" t="s">
        <v>881</v>
      </c>
      <c r="N33" s="3" t="s">
        <v>74</v>
      </c>
      <c r="O33" s="3" t="s">
        <v>143</v>
      </c>
      <c r="P33" s="3" t="s">
        <v>37</v>
      </c>
      <c r="Q33" s="3" t="s">
        <v>37</v>
      </c>
      <c r="R33" s="3" t="s">
        <v>38</v>
      </c>
      <c r="S33" s="3" t="s">
        <v>987</v>
      </c>
      <c r="T33" s="3" t="s">
        <v>37</v>
      </c>
      <c r="U33" s="3" t="s">
        <v>37</v>
      </c>
      <c r="V33" s="3" t="s">
        <v>37</v>
      </c>
    </row>
    <row r="34" spans="1:22" x14ac:dyDescent="0.25">
      <c r="A34" s="3" t="s">
        <v>853</v>
      </c>
      <c r="B34" s="4" t="s">
        <v>23</v>
      </c>
      <c r="C34" s="3" t="s">
        <v>24</v>
      </c>
      <c r="D34" s="5" t="s">
        <v>135</v>
      </c>
      <c r="E34" s="3" t="s">
        <v>877</v>
      </c>
      <c r="F34" s="3" t="s">
        <v>988</v>
      </c>
      <c r="G34" s="3" t="s">
        <v>234</v>
      </c>
      <c r="H34" s="3" t="s">
        <v>65</v>
      </c>
      <c r="I34" s="3" t="s">
        <v>879</v>
      </c>
      <c r="J34" s="8" t="s">
        <v>968</v>
      </c>
      <c r="K34" s="3" t="s">
        <v>32</v>
      </c>
      <c r="L34" s="3" t="s">
        <v>33</v>
      </c>
      <c r="M34" s="3" t="s">
        <v>881</v>
      </c>
      <c r="N34" s="3" t="s">
        <v>74</v>
      </c>
      <c r="O34" s="3" t="s">
        <v>143</v>
      </c>
      <c r="P34" s="3" t="s">
        <v>37</v>
      </c>
      <c r="Q34" s="3" t="s">
        <v>37</v>
      </c>
      <c r="R34" s="3" t="s">
        <v>38</v>
      </c>
      <c r="S34" s="3" t="s">
        <v>989</v>
      </c>
      <c r="T34" s="3" t="s">
        <v>37</v>
      </c>
      <c r="U34" s="3" t="s">
        <v>37</v>
      </c>
      <c r="V34" s="3" t="s">
        <v>37</v>
      </c>
    </row>
    <row r="35" spans="1:22" x14ac:dyDescent="0.25">
      <c r="A35" s="3" t="s">
        <v>853</v>
      </c>
      <c r="B35" s="4" t="s">
        <v>23</v>
      </c>
      <c r="C35" s="3" t="s">
        <v>24</v>
      </c>
      <c r="D35" s="5" t="s">
        <v>136</v>
      </c>
      <c r="E35" s="3" t="s">
        <v>990</v>
      </c>
      <c r="F35" s="3" t="s">
        <v>991</v>
      </c>
      <c r="G35" s="3" t="s">
        <v>49</v>
      </c>
      <c r="H35" s="3" t="s">
        <v>65</v>
      </c>
      <c r="I35" s="3" t="s">
        <v>37</v>
      </c>
      <c r="J35" s="3" t="s">
        <v>992</v>
      </c>
      <c r="K35" s="3" t="s">
        <v>32</v>
      </c>
      <c r="L35" s="3" t="s">
        <v>33</v>
      </c>
      <c r="M35" s="3" t="s">
        <v>67</v>
      </c>
      <c r="N35" s="3" t="s">
        <v>74</v>
      </c>
      <c r="O35" s="3" t="s">
        <v>179</v>
      </c>
      <c r="P35" s="3" t="s">
        <v>37</v>
      </c>
      <c r="Q35" s="3" t="s">
        <v>37</v>
      </c>
      <c r="R35" s="3" t="s">
        <v>38</v>
      </c>
      <c r="S35" s="3" t="s">
        <v>993</v>
      </c>
      <c r="T35" s="3" t="s">
        <v>37</v>
      </c>
      <c r="U35" s="3" t="s">
        <v>37</v>
      </c>
      <c r="V35" s="3" t="s">
        <v>37</v>
      </c>
    </row>
    <row r="36" spans="1:22" x14ac:dyDescent="0.25">
      <c r="A36" s="3" t="s">
        <v>853</v>
      </c>
      <c r="B36" s="4" t="s">
        <v>23</v>
      </c>
      <c r="C36" s="3" t="s">
        <v>24</v>
      </c>
      <c r="D36" s="5" t="s">
        <v>150</v>
      </c>
      <c r="E36" s="3" t="s">
        <v>915</v>
      </c>
      <c r="F36" s="3" t="s">
        <v>994</v>
      </c>
      <c r="G36" s="3" t="s">
        <v>575</v>
      </c>
      <c r="H36" s="3" t="s">
        <v>29</v>
      </c>
      <c r="I36" s="3" t="s">
        <v>37</v>
      </c>
      <c r="J36" s="3" t="s">
        <v>995</v>
      </c>
      <c r="K36" s="3" t="s">
        <v>32</v>
      </c>
      <c r="L36" s="3" t="s">
        <v>33</v>
      </c>
      <c r="M36" s="3" t="s">
        <v>67</v>
      </c>
      <c r="N36" s="3" t="s">
        <v>52</v>
      </c>
      <c r="O36" s="3" t="s">
        <v>179</v>
      </c>
      <c r="P36" s="3" t="s">
        <v>37</v>
      </c>
      <c r="Q36" s="3" t="s">
        <v>37</v>
      </c>
      <c r="R36" s="3" t="s">
        <v>38</v>
      </c>
      <c r="S36" s="3" t="s">
        <v>996</v>
      </c>
      <c r="T36" s="3" t="s">
        <v>37</v>
      </c>
      <c r="U36" s="3" t="s">
        <v>37</v>
      </c>
      <c r="V36" s="3" t="s">
        <v>37</v>
      </c>
    </row>
    <row r="37" spans="1:22" x14ac:dyDescent="0.25">
      <c r="A37" s="3" t="s">
        <v>853</v>
      </c>
      <c r="B37" s="4" t="s">
        <v>23</v>
      </c>
      <c r="C37" s="3" t="s">
        <v>24</v>
      </c>
      <c r="D37" s="5" t="s">
        <v>997</v>
      </c>
      <c r="E37" s="3" t="s">
        <v>872</v>
      </c>
      <c r="F37" s="3" t="s">
        <v>998</v>
      </c>
      <c r="G37" s="3" t="s">
        <v>64</v>
      </c>
      <c r="H37" s="3" t="s">
        <v>65</v>
      </c>
      <c r="I37" s="3" t="s">
        <v>37</v>
      </c>
      <c r="J37" s="3" t="s">
        <v>999</v>
      </c>
      <c r="K37" s="3" t="s">
        <v>32</v>
      </c>
      <c r="L37" s="3" t="s">
        <v>33</v>
      </c>
      <c r="M37" s="3" t="s">
        <v>67</v>
      </c>
      <c r="N37" s="3" t="s">
        <v>52</v>
      </c>
      <c r="O37" s="3" t="s">
        <v>53</v>
      </c>
      <c r="P37" s="3" t="s">
        <v>37</v>
      </c>
      <c r="Q37" s="3" t="s">
        <v>37</v>
      </c>
      <c r="R37" s="3" t="s">
        <v>38</v>
      </c>
      <c r="S37" s="3" t="s">
        <v>1000</v>
      </c>
      <c r="T37" s="3" t="s">
        <v>37</v>
      </c>
      <c r="U37" s="3" t="s">
        <v>37</v>
      </c>
      <c r="V37" s="3" t="s">
        <v>37</v>
      </c>
    </row>
    <row r="38" spans="1:22" x14ac:dyDescent="0.25">
      <c r="A38" s="3" t="s">
        <v>853</v>
      </c>
      <c r="B38" s="4" t="s">
        <v>23</v>
      </c>
      <c r="C38" s="3" t="s">
        <v>24</v>
      </c>
      <c r="D38" s="5" t="s">
        <v>1001</v>
      </c>
      <c r="E38" s="3" t="s">
        <v>499</v>
      </c>
      <c r="F38" s="3" t="s">
        <v>768</v>
      </c>
      <c r="G38" s="3" t="s">
        <v>769</v>
      </c>
      <c r="H38" s="3" t="s">
        <v>49</v>
      </c>
      <c r="I38" s="3" t="s">
        <v>502</v>
      </c>
      <c r="J38" s="3" t="s">
        <v>770</v>
      </c>
      <c r="K38" s="3" t="s">
        <v>32</v>
      </c>
      <c r="L38" s="3" t="s">
        <v>33</v>
      </c>
      <c r="M38" s="3" t="s">
        <v>34</v>
      </c>
      <c r="N38" s="3" t="s">
        <v>74</v>
      </c>
      <c r="O38" s="3" t="s">
        <v>179</v>
      </c>
      <c r="P38" s="3" t="s">
        <v>37</v>
      </c>
      <c r="Q38" s="3" t="s">
        <v>37</v>
      </c>
      <c r="R38" s="3" t="s">
        <v>38</v>
      </c>
      <c r="S38" s="3" t="s">
        <v>771</v>
      </c>
      <c r="T38" s="3" t="s">
        <v>37</v>
      </c>
      <c r="U38" s="3" t="s">
        <v>37</v>
      </c>
      <c r="V38" s="3" t="s">
        <v>37</v>
      </c>
    </row>
    <row r="39" spans="1:22" x14ac:dyDescent="0.25">
      <c r="A39" s="3" t="s">
        <v>853</v>
      </c>
      <c r="B39" s="4" t="s">
        <v>23</v>
      </c>
      <c r="C39" s="3" t="s">
        <v>24</v>
      </c>
      <c r="D39" s="5" t="s">
        <v>1002</v>
      </c>
      <c r="E39" s="3" t="s">
        <v>990</v>
      </c>
      <c r="F39" s="3" t="s">
        <v>1003</v>
      </c>
      <c r="G39" s="3" t="s">
        <v>199</v>
      </c>
      <c r="H39" s="3" t="s">
        <v>65</v>
      </c>
      <c r="I39" s="3" t="s">
        <v>37</v>
      </c>
      <c r="J39" s="3" t="s">
        <v>1004</v>
      </c>
      <c r="K39" s="3" t="s">
        <v>32</v>
      </c>
      <c r="L39" s="3" t="s">
        <v>33</v>
      </c>
      <c r="M39" s="3" t="s">
        <v>67</v>
      </c>
      <c r="N39" s="3" t="s">
        <v>74</v>
      </c>
      <c r="O39" s="3" t="s">
        <v>179</v>
      </c>
      <c r="P39" s="3" t="s">
        <v>37</v>
      </c>
      <c r="Q39" s="3" t="s">
        <v>37</v>
      </c>
      <c r="R39" s="3" t="s">
        <v>38</v>
      </c>
      <c r="S39" s="3" t="s">
        <v>1005</v>
      </c>
      <c r="T39" s="3" t="s">
        <v>37</v>
      </c>
      <c r="U39" s="3" t="s">
        <v>37</v>
      </c>
      <c r="V39" s="3" t="s">
        <v>37</v>
      </c>
    </row>
    <row r="40" spans="1:22" x14ac:dyDescent="0.25">
      <c r="A40" s="3" t="s">
        <v>853</v>
      </c>
      <c r="B40" s="4" t="s">
        <v>23</v>
      </c>
      <c r="C40" s="3" t="s">
        <v>24</v>
      </c>
      <c r="D40" s="5" t="s">
        <v>1006</v>
      </c>
      <c r="E40" s="3" t="s">
        <v>1007</v>
      </c>
      <c r="F40" s="3" t="s">
        <v>37</v>
      </c>
      <c r="G40" s="3">
        <v>1</v>
      </c>
      <c r="H40" s="3">
        <v>0</v>
      </c>
      <c r="I40" s="3" t="s">
        <v>920</v>
      </c>
      <c r="J40" s="3" t="s">
        <v>1008</v>
      </c>
      <c r="K40" s="3" t="s">
        <v>1009</v>
      </c>
      <c r="L40" s="3" t="s">
        <v>33</v>
      </c>
      <c r="M40" s="3" t="s">
        <v>67</v>
      </c>
      <c r="N40" s="3" t="s">
        <v>922</v>
      </c>
      <c r="O40" s="3" t="s">
        <v>1010</v>
      </c>
      <c r="P40" s="3" t="s">
        <v>37</v>
      </c>
      <c r="Q40" s="3" t="s">
        <v>37</v>
      </c>
      <c r="R40" s="3" t="s">
        <v>38</v>
      </c>
      <c r="S40" s="3" t="s">
        <v>1011</v>
      </c>
      <c r="T40" s="3" t="s">
        <v>37</v>
      </c>
      <c r="U40" s="3" t="s">
        <v>37</v>
      </c>
      <c r="V40" s="3" t="s">
        <v>37</v>
      </c>
    </row>
    <row r="41" spans="1:22" x14ac:dyDescent="0.25">
      <c r="A41" s="3" t="s">
        <v>853</v>
      </c>
      <c r="B41" s="4" t="s">
        <v>23</v>
      </c>
      <c r="C41" s="3" t="s">
        <v>24</v>
      </c>
      <c r="D41" s="5" t="s">
        <v>1012</v>
      </c>
      <c r="E41" s="3" t="s">
        <v>1013</v>
      </c>
      <c r="F41" s="3" t="s">
        <v>1014</v>
      </c>
      <c r="G41" s="3" t="s">
        <v>293</v>
      </c>
      <c r="H41" s="3" t="s">
        <v>65</v>
      </c>
      <c r="I41" s="3" t="s">
        <v>1015</v>
      </c>
      <c r="J41" s="3" t="s">
        <v>1016</v>
      </c>
      <c r="K41" s="3" t="s">
        <v>32</v>
      </c>
      <c r="L41" s="3" t="s">
        <v>33</v>
      </c>
      <c r="M41" s="3" t="s">
        <v>67</v>
      </c>
      <c r="N41" s="3" t="s">
        <v>35</v>
      </c>
      <c r="O41" s="3" t="s">
        <v>53</v>
      </c>
      <c r="P41" s="3" t="s">
        <v>37</v>
      </c>
      <c r="Q41" s="3" t="s">
        <v>37</v>
      </c>
      <c r="R41" s="3" t="s">
        <v>38</v>
      </c>
      <c r="S41" s="3" t="s">
        <v>1017</v>
      </c>
      <c r="T41" s="3" t="s">
        <v>37</v>
      </c>
      <c r="U41" s="3" t="s">
        <v>37</v>
      </c>
      <c r="V41" s="3" t="s">
        <v>37</v>
      </c>
    </row>
    <row r="42" spans="1:22" x14ac:dyDescent="0.25">
      <c r="A42" s="3" t="s">
        <v>853</v>
      </c>
      <c r="B42" s="4" t="s">
        <v>23</v>
      </c>
      <c r="C42" s="3" t="s">
        <v>24</v>
      </c>
      <c r="D42" s="5" t="s">
        <v>192</v>
      </c>
      <c r="E42" s="3" t="s">
        <v>1018</v>
      </c>
      <c r="F42" s="3" t="s">
        <v>1019</v>
      </c>
      <c r="G42" s="3" t="s">
        <v>480</v>
      </c>
      <c r="H42" s="3" t="s">
        <v>29</v>
      </c>
      <c r="I42" s="3" t="s">
        <v>1020</v>
      </c>
      <c r="J42" s="3" t="s">
        <v>1021</v>
      </c>
      <c r="K42" s="3" t="s">
        <v>32</v>
      </c>
      <c r="L42" s="3" t="s">
        <v>33</v>
      </c>
      <c r="M42" s="3" t="s">
        <v>67</v>
      </c>
      <c r="N42" s="3" t="s">
        <v>533</v>
      </c>
      <c r="O42" s="3" t="s">
        <v>36</v>
      </c>
      <c r="P42" s="3" t="s">
        <v>37</v>
      </c>
      <c r="Q42" s="3" t="s">
        <v>37</v>
      </c>
      <c r="R42" s="3" t="s">
        <v>38</v>
      </c>
      <c r="S42" s="3" t="s">
        <v>1022</v>
      </c>
      <c r="T42" s="3" t="s">
        <v>37</v>
      </c>
      <c r="U42" s="3" t="s">
        <v>37</v>
      </c>
      <c r="V42" s="3" t="s">
        <v>37</v>
      </c>
    </row>
    <row r="43" spans="1:22" x14ac:dyDescent="0.25">
      <c r="A43" s="3" t="s">
        <v>853</v>
      </c>
      <c r="B43" s="4" t="s">
        <v>23</v>
      </c>
      <c r="C43" s="3" t="s">
        <v>24</v>
      </c>
      <c r="D43" s="5" t="s">
        <v>1023</v>
      </c>
      <c r="E43" s="3" t="s">
        <v>1018</v>
      </c>
      <c r="F43" s="3" t="s">
        <v>1024</v>
      </c>
      <c r="G43" s="3" t="s">
        <v>115</v>
      </c>
      <c r="H43" s="3" t="s">
        <v>29</v>
      </c>
      <c r="I43" s="3" t="s">
        <v>1025</v>
      </c>
      <c r="J43" s="3" t="s">
        <v>1026</v>
      </c>
      <c r="K43" s="3" t="s">
        <v>32</v>
      </c>
      <c r="L43" s="3" t="s">
        <v>33</v>
      </c>
      <c r="M43" s="3" t="s">
        <v>67</v>
      </c>
      <c r="N43" s="3" t="s">
        <v>533</v>
      </c>
      <c r="O43" s="3" t="s">
        <v>36</v>
      </c>
      <c r="P43" s="3" t="s">
        <v>37</v>
      </c>
      <c r="Q43" s="3" t="s">
        <v>37</v>
      </c>
      <c r="R43" s="3" t="s">
        <v>38</v>
      </c>
      <c r="S43" s="3" t="s">
        <v>1027</v>
      </c>
      <c r="T43" s="3" t="s">
        <v>37</v>
      </c>
      <c r="U43" s="3" t="s">
        <v>37</v>
      </c>
      <c r="V43" s="3" t="s">
        <v>37</v>
      </c>
    </row>
    <row r="44" spans="1:22" x14ac:dyDescent="0.25">
      <c r="A44" s="3" t="s">
        <v>853</v>
      </c>
      <c r="B44" s="4" t="s">
        <v>23</v>
      </c>
      <c r="C44" s="3" t="s">
        <v>24</v>
      </c>
      <c r="D44" s="5" t="s">
        <v>498</v>
      </c>
      <c r="E44" s="3" t="s">
        <v>499</v>
      </c>
      <c r="F44" s="3" t="s">
        <v>1028</v>
      </c>
      <c r="G44" s="3" t="s">
        <v>360</v>
      </c>
      <c r="H44" s="3" t="s">
        <v>65</v>
      </c>
      <c r="I44" s="3" t="s">
        <v>1029</v>
      </c>
      <c r="J44" s="3" t="s">
        <v>1030</v>
      </c>
      <c r="K44" s="3" t="s">
        <v>32</v>
      </c>
      <c r="L44" s="3" t="s">
        <v>1031</v>
      </c>
      <c r="M44" s="3" t="s">
        <v>34</v>
      </c>
      <c r="N44" s="3" t="s">
        <v>35</v>
      </c>
      <c r="O44" s="3" t="s">
        <v>179</v>
      </c>
      <c r="P44" s="3" t="s">
        <v>37</v>
      </c>
      <c r="Q44" s="3" t="s">
        <v>37</v>
      </c>
      <c r="R44" s="3" t="s">
        <v>38</v>
      </c>
      <c r="S44" s="3" t="s">
        <v>1032</v>
      </c>
      <c r="T44" s="3" t="s">
        <v>37</v>
      </c>
      <c r="U44" s="3" t="s">
        <v>37</v>
      </c>
      <c r="V44" s="3" t="s">
        <v>37</v>
      </c>
    </row>
    <row r="45" spans="1:22" x14ac:dyDescent="0.25">
      <c r="A45" s="3" t="s">
        <v>853</v>
      </c>
      <c r="B45" s="4" t="s">
        <v>23</v>
      </c>
      <c r="C45" s="3" t="s">
        <v>24</v>
      </c>
      <c r="D45" s="5" t="s">
        <v>1033</v>
      </c>
      <c r="E45" s="3" t="s">
        <v>499</v>
      </c>
      <c r="F45" s="3" t="s">
        <v>1034</v>
      </c>
      <c r="G45" s="3" t="s">
        <v>83</v>
      </c>
      <c r="H45" s="3" t="s">
        <v>65</v>
      </c>
      <c r="I45" s="3" t="s">
        <v>1029</v>
      </c>
      <c r="J45" s="3" t="s">
        <v>1035</v>
      </c>
      <c r="K45" s="3" t="s">
        <v>32</v>
      </c>
      <c r="L45" s="3" t="s">
        <v>1031</v>
      </c>
      <c r="M45" s="3" t="s">
        <v>34</v>
      </c>
      <c r="N45" s="3" t="s">
        <v>35</v>
      </c>
      <c r="O45" s="3" t="s">
        <v>179</v>
      </c>
      <c r="P45" s="3" t="s">
        <v>37</v>
      </c>
      <c r="Q45" s="3" t="s">
        <v>37</v>
      </c>
      <c r="R45" s="3" t="s">
        <v>38</v>
      </c>
      <c r="S45" s="3" t="s">
        <v>1036</v>
      </c>
      <c r="T45" s="3" t="s">
        <v>37</v>
      </c>
      <c r="U45" s="3" t="s">
        <v>37</v>
      </c>
      <c r="V45" s="3" t="s">
        <v>37</v>
      </c>
    </row>
    <row r="46" spans="1:22" x14ac:dyDescent="0.25">
      <c r="A46" s="3" t="s">
        <v>853</v>
      </c>
      <c r="B46" s="4" t="s">
        <v>23</v>
      </c>
      <c r="C46" s="3" t="s">
        <v>24</v>
      </c>
      <c r="D46" s="5" t="s">
        <v>212</v>
      </c>
      <c r="E46" s="3" t="s">
        <v>499</v>
      </c>
      <c r="F46" s="3" t="s">
        <v>1037</v>
      </c>
      <c r="G46" s="3" t="s">
        <v>234</v>
      </c>
      <c r="H46" s="3" t="s">
        <v>65</v>
      </c>
      <c r="I46" s="3" t="s">
        <v>1038</v>
      </c>
      <c r="J46" s="3" t="s">
        <v>1039</v>
      </c>
      <c r="K46" s="3" t="s">
        <v>32</v>
      </c>
      <c r="L46" s="3" t="s">
        <v>1031</v>
      </c>
      <c r="M46" s="3" t="s">
        <v>34</v>
      </c>
      <c r="N46" s="3" t="s">
        <v>35</v>
      </c>
      <c r="O46" s="3" t="s">
        <v>179</v>
      </c>
      <c r="P46" s="3" t="s">
        <v>37</v>
      </c>
      <c r="Q46" s="3" t="s">
        <v>37</v>
      </c>
      <c r="R46" s="3" t="s">
        <v>38</v>
      </c>
      <c r="S46" s="3" t="s">
        <v>1040</v>
      </c>
      <c r="T46" s="3" t="s">
        <v>37</v>
      </c>
      <c r="U46" s="3" t="s">
        <v>37</v>
      </c>
      <c r="V46" s="3" t="s">
        <v>37</v>
      </c>
    </row>
    <row r="47" spans="1:22" x14ac:dyDescent="0.25">
      <c r="A47" s="3" t="s">
        <v>853</v>
      </c>
      <c r="B47" s="4" t="s">
        <v>23</v>
      </c>
      <c r="C47" s="3" t="s">
        <v>24</v>
      </c>
      <c r="D47" s="5" t="s">
        <v>373</v>
      </c>
      <c r="E47" s="3" t="s">
        <v>866</v>
      </c>
      <c r="F47" s="3" t="s">
        <v>1041</v>
      </c>
      <c r="G47" s="3" t="s">
        <v>546</v>
      </c>
      <c r="H47" s="3" t="s">
        <v>65</v>
      </c>
      <c r="I47" s="3" t="s">
        <v>868</v>
      </c>
      <c r="J47" s="3" t="s">
        <v>1042</v>
      </c>
      <c r="K47" s="3" t="s">
        <v>32</v>
      </c>
      <c r="L47" s="3" t="s">
        <v>33</v>
      </c>
      <c r="M47" s="3" t="s">
        <v>34</v>
      </c>
      <c r="N47" s="3" t="s">
        <v>52</v>
      </c>
      <c r="O47" s="3" t="s">
        <v>53</v>
      </c>
      <c r="P47" s="3" t="s">
        <v>37</v>
      </c>
      <c r="Q47" s="3" t="s">
        <v>37</v>
      </c>
      <c r="R47" s="3" t="s">
        <v>38</v>
      </c>
      <c r="S47" s="3" t="s">
        <v>1043</v>
      </c>
      <c r="T47" s="3" t="s">
        <v>37</v>
      </c>
      <c r="U47" s="3" t="s">
        <v>37</v>
      </c>
      <c r="V47" s="3" t="s">
        <v>37</v>
      </c>
    </row>
    <row r="48" spans="1:22" x14ac:dyDescent="0.25">
      <c r="A48" s="3" t="s">
        <v>853</v>
      </c>
      <c r="B48" s="4" t="s">
        <v>23</v>
      </c>
      <c r="C48" s="3" t="s">
        <v>24</v>
      </c>
      <c r="D48" s="5" t="s">
        <v>221</v>
      </c>
      <c r="E48" s="3" t="s">
        <v>866</v>
      </c>
      <c r="F48" s="3" t="s">
        <v>1044</v>
      </c>
      <c r="G48" s="3" t="s">
        <v>89</v>
      </c>
      <c r="H48" s="3" t="s">
        <v>65</v>
      </c>
      <c r="I48" s="3" t="s">
        <v>868</v>
      </c>
      <c r="J48" s="3" t="s">
        <v>1045</v>
      </c>
      <c r="K48" s="3" t="s">
        <v>32</v>
      </c>
      <c r="L48" s="3" t="s">
        <v>33</v>
      </c>
      <c r="M48" s="3" t="s">
        <v>34</v>
      </c>
      <c r="N48" s="3" t="s">
        <v>52</v>
      </c>
      <c r="O48" s="3" t="s">
        <v>53</v>
      </c>
      <c r="P48" s="3" t="s">
        <v>37</v>
      </c>
      <c r="Q48" s="3" t="s">
        <v>37</v>
      </c>
      <c r="R48" s="3" t="s">
        <v>38</v>
      </c>
      <c r="S48" s="3" t="s">
        <v>1046</v>
      </c>
      <c r="T48" s="3" t="s">
        <v>37</v>
      </c>
      <c r="U48" s="3" t="s">
        <v>37</v>
      </c>
      <c r="V48" s="3" t="s">
        <v>37</v>
      </c>
    </row>
    <row r="49" spans="1:22" x14ac:dyDescent="0.25">
      <c r="A49" s="3" t="s">
        <v>853</v>
      </c>
      <c r="B49" s="4" t="s">
        <v>23</v>
      </c>
      <c r="C49" s="3" t="s">
        <v>24</v>
      </c>
      <c r="D49" s="5" t="s">
        <v>1047</v>
      </c>
      <c r="E49" s="3" t="s">
        <v>866</v>
      </c>
      <c r="F49" s="3" t="s">
        <v>1048</v>
      </c>
      <c r="G49" s="3" t="s">
        <v>64</v>
      </c>
      <c r="H49" s="3" t="s">
        <v>65</v>
      </c>
      <c r="I49" s="3" t="s">
        <v>868</v>
      </c>
      <c r="J49" s="3" t="s">
        <v>1049</v>
      </c>
      <c r="K49" s="3" t="s">
        <v>32</v>
      </c>
      <c r="L49" s="3" t="s">
        <v>33</v>
      </c>
      <c r="M49" s="3" t="s">
        <v>34</v>
      </c>
      <c r="N49" s="3" t="s">
        <v>52</v>
      </c>
      <c r="O49" s="3" t="s">
        <v>53</v>
      </c>
      <c r="P49" s="3" t="s">
        <v>37</v>
      </c>
      <c r="Q49" s="3" t="s">
        <v>37</v>
      </c>
      <c r="R49" s="3" t="s">
        <v>38</v>
      </c>
      <c r="S49" s="3" t="s">
        <v>1050</v>
      </c>
      <c r="T49" s="3" t="s">
        <v>37</v>
      </c>
      <c r="U49" s="3" t="s">
        <v>37</v>
      </c>
      <c r="V49" s="3" t="s">
        <v>37</v>
      </c>
    </row>
    <row r="50" spans="1:22" x14ac:dyDescent="0.25">
      <c r="A50" s="3" t="s">
        <v>853</v>
      </c>
      <c r="B50" s="4" t="s">
        <v>23</v>
      </c>
      <c r="C50" s="3" t="s">
        <v>24</v>
      </c>
      <c r="D50" s="5" t="s">
        <v>226</v>
      </c>
      <c r="E50" s="3" t="s">
        <v>866</v>
      </c>
      <c r="F50" s="3" t="s">
        <v>1051</v>
      </c>
      <c r="G50" s="3" t="s">
        <v>229</v>
      </c>
      <c r="H50" s="3" t="s">
        <v>65</v>
      </c>
      <c r="I50" s="3" t="s">
        <v>868</v>
      </c>
      <c r="J50" s="3" t="s">
        <v>1052</v>
      </c>
      <c r="K50" s="3" t="s">
        <v>32</v>
      </c>
      <c r="L50" s="3" t="s">
        <v>33</v>
      </c>
      <c r="M50" s="3" t="s">
        <v>34</v>
      </c>
      <c r="N50" s="3" t="s">
        <v>52</v>
      </c>
      <c r="O50" s="3" t="s">
        <v>53</v>
      </c>
      <c r="P50" s="3" t="s">
        <v>37</v>
      </c>
      <c r="Q50" s="3" t="s">
        <v>37</v>
      </c>
      <c r="R50" s="3" t="s">
        <v>38</v>
      </c>
      <c r="S50" s="3" t="s">
        <v>1053</v>
      </c>
      <c r="T50" s="3" t="s">
        <v>37</v>
      </c>
      <c r="U50" s="3" t="s">
        <v>37</v>
      </c>
      <c r="V50" s="3" t="s">
        <v>37</v>
      </c>
    </row>
    <row r="51" spans="1:22" x14ac:dyDescent="0.25">
      <c r="A51" s="3" t="s">
        <v>853</v>
      </c>
      <c r="B51" s="4" t="s">
        <v>23</v>
      </c>
      <c r="C51" s="3" t="s">
        <v>24</v>
      </c>
      <c r="D51" s="5" t="s">
        <v>1054</v>
      </c>
      <c r="E51" s="3" t="s">
        <v>499</v>
      </c>
      <c r="F51" s="3" t="s">
        <v>1037</v>
      </c>
      <c r="G51" s="3" t="s">
        <v>234</v>
      </c>
      <c r="H51" s="3" t="s">
        <v>65</v>
      </c>
      <c r="I51" s="3" t="s">
        <v>1038</v>
      </c>
      <c r="J51" s="3" t="s">
        <v>1039</v>
      </c>
      <c r="K51" s="3" t="s">
        <v>32</v>
      </c>
      <c r="L51" s="3" t="s">
        <v>1031</v>
      </c>
      <c r="M51" s="3" t="s">
        <v>34</v>
      </c>
      <c r="N51" s="3" t="s">
        <v>35</v>
      </c>
      <c r="O51" s="3" t="s">
        <v>179</v>
      </c>
      <c r="P51" s="3" t="s">
        <v>37</v>
      </c>
      <c r="Q51" s="3" t="s">
        <v>37</v>
      </c>
      <c r="R51" s="3" t="s">
        <v>38</v>
      </c>
      <c r="S51" s="3" t="s">
        <v>1040</v>
      </c>
      <c r="T51" s="3" t="s">
        <v>37</v>
      </c>
      <c r="U51" s="3" t="s">
        <v>37</v>
      </c>
      <c r="V51" s="3" t="s">
        <v>37</v>
      </c>
    </row>
    <row r="52" spans="1:22" x14ac:dyDescent="0.25">
      <c r="A52" s="3"/>
      <c r="B52" s="4"/>
      <c r="C52" s="3"/>
      <c r="D52" s="5"/>
      <c r="E52" s="6" t="s">
        <v>1055</v>
      </c>
      <c r="F52" s="3"/>
      <c r="G52" s="3"/>
      <c r="H52" s="3"/>
      <c r="I52" s="3"/>
      <c r="J52" s="3"/>
      <c r="K52" s="3"/>
      <c r="L52" s="3"/>
      <c r="M52" s="3"/>
      <c r="N52" s="3"/>
      <c r="O52" s="3"/>
      <c r="P52" s="3"/>
      <c r="Q52" s="3"/>
      <c r="R52" s="3"/>
      <c r="S52" s="3"/>
      <c r="T52" s="3"/>
      <c r="U52" s="3"/>
      <c r="V52" s="3"/>
    </row>
    <row r="53" spans="1:22" x14ac:dyDescent="0.25">
      <c r="A53" s="3"/>
      <c r="B53" s="4"/>
      <c r="C53" s="3"/>
      <c r="D53" s="5"/>
      <c r="E53" s="3"/>
      <c r="F53" s="3"/>
      <c r="G53" s="3"/>
      <c r="H53" s="3"/>
      <c r="I53" s="3"/>
      <c r="J53" s="3"/>
      <c r="K53" s="3"/>
      <c r="L53" s="3"/>
      <c r="M53" s="3"/>
      <c r="N53" s="3"/>
      <c r="O53" s="3"/>
      <c r="P53" s="3"/>
      <c r="Q53" s="3"/>
      <c r="R53" s="3"/>
      <c r="S53" s="3"/>
      <c r="T53" s="3"/>
      <c r="U53" s="3"/>
      <c r="V53" s="3"/>
    </row>
    <row r="54" spans="1:22" x14ac:dyDescent="0.25">
      <c r="A54" s="3" t="s">
        <v>853</v>
      </c>
      <c r="B54" s="4" t="s">
        <v>237</v>
      </c>
      <c r="C54" s="3" t="s">
        <v>238</v>
      </c>
      <c r="D54" s="5" t="s">
        <v>25</v>
      </c>
      <c r="E54" s="3" t="s">
        <v>854</v>
      </c>
      <c r="F54" s="3" t="s">
        <v>1056</v>
      </c>
      <c r="G54" s="3" t="s">
        <v>1057</v>
      </c>
      <c r="H54" s="3" t="s">
        <v>49</v>
      </c>
      <c r="I54" s="3" t="s">
        <v>863</v>
      </c>
      <c r="J54" s="3" t="s">
        <v>1058</v>
      </c>
      <c r="K54" s="3" t="s">
        <v>32</v>
      </c>
      <c r="L54" s="3" t="s">
        <v>33</v>
      </c>
      <c r="M54" s="3" t="s">
        <v>67</v>
      </c>
      <c r="N54" s="3" t="s">
        <v>858</v>
      </c>
      <c r="O54" s="3" t="s">
        <v>179</v>
      </c>
      <c r="P54" s="3" t="s">
        <v>37</v>
      </c>
      <c r="Q54" s="3" t="s">
        <v>37</v>
      </c>
      <c r="R54" s="3" t="s">
        <v>38</v>
      </c>
      <c r="S54" s="3" t="s">
        <v>1059</v>
      </c>
      <c r="T54" s="3" t="s">
        <v>37</v>
      </c>
      <c r="U54" s="3" t="s">
        <v>37</v>
      </c>
      <c r="V54" s="3" t="s">
        <v>37</v>
      </c>
    </row>
    <row r="55" spans="1:22" x14ac:dyDescent="0.25">
      <c r="A55" s="3" t="s">
        <v>853</v>
      </c>
      <c r="B55" s="4" t="s">
        <v>237</v>
      </c>
      <c r="C55" s="3" t="s">
        <v>238</v>
      </c>
      <c r="D55" s="5" t="s">
        <v>860</v>
      </c>
      <c r="E55" s="3" t="s">
        <v>854</v>
      </c>
      <c r="F55" s="3" t="s">
        <v>1060</v>
      </c>
      <c r="G55" s="3" t="s">
        <v>609</v>
      </c>
      <c r="H55" s="3" t="s">
        <v>29</v>
      </c>
      <c r="I55" s="3" t="s">
        <v>1061</v>
      </c>
      <c r="J55" s="3" t="s">
        <v>1062</v>
      </c>
      <c r="K55" s="3" t="s">
        <v>32</v>
      </c>
      <c r="L55" s="3" t="s">
        <v>33</v>
      </c>
      <c r="M55" s="3" t="s">
        <v>67</v>
      </c>
      <c r="N55" s="3" t="s">
        <v>858</v>
      </c>
      <c r="O55" s="3" t="s">
        <v>179</v>
      </c>
      <c r="P55" s="3" t="s">
        <v>37</v>
      </c>
      <c r="Q55" s="3" t="s">
        <v>37</v>
      </c>
      <c r="R55" s="3" t="s">
        <v>38</v>
      </c>
      <c r="S55" s="3" t="s">
        <v>1063</v>
      </c>
      <c r="T55" s="3" t="s">
        <v>37</v>
      </c>
      <c r="U55" s="3" t="s">
        <v>37</v>
      </c>
      <c r="V55" s="3" t="s">
        <v>37</v>
      </c>
    </row>
    <row r="56" spans="1:22" x14ac:dyDescent="0.25">
      <c r="A56" s="3" t="s">
        <v>853</v>
      </c>
      <c r="B56" s="4" t="s">
        <v>237</v>
      </c>
      <c r="C56" s="3" t="s">
        <v>238</v>
      </c>
      <c r="D56" s="5" t="s">
        <v>45</v>
      </c>
      <c r="E56" s="3" t="s">
        <v>866</v>
      </c>
      <c r="F56" s="3" t="s">
        <v>1064</v>
      </c>
      <c r="G56" s="3" t="s">
        <v>325</v>
      </c>
      <c r="H56" s="3" t="s">
        <v>65</v>
      </c>
      <c r="I56" s="3" t="s">
        <v>868</v>
      </c>
      <c r="J56" s="3" t="s">
        <v>1065</v>
      </c>
      <c r="K56" s="3" t="s">
        <v>32</v>
      </c>
      <c r="L56" s="3" t="s">
        <v>33</v>
      </c>
      <c r="M56" s="3" t="s">
        <v>34</v>
      </c>
      <c r="N56" s="3" t="s">
        <v>52</v>
      </c>
      <c r="O56" s="3" t="s">
        <v>53</v>
      </c>
      <c r="P56" s="3" t="s">
        <v>37</v>
      </c>
      <c r="Q56" s="3" t="s">
        <v>37</v>
      </c>
      <c r="R56" s="3" t="s">
        <v>38</v>
      </c>
      <c r="S56" s="3" t="s">
        <v>1066</v>
      </c>
      <c r="T56" s="3" t="s">
        <v>37</v>
      </c>
      <c r="U56" s="3" t="s">
        <v>37</v>
      </c>
      <c r="V56" s="3" t="s">
        <v>37</v>
      </c>
    </row>
    <row r="57" spans="1:22" x14ac:dyDescent="0.25">
      <c r="A57" s="3" t="s">
        <v>853</v>
      </c>
      <c r="B57" s="4" t="s">
        <v>237</v>
      </c>
      <c r="C57" s="3" t="s">
        <v>238</v>
      </c>
      <c r="D57" s="5" t="s">
        <v>871</v>
      </c>
      <c r="E57" s="3" t="s">
        <v>872</v>
      </c>
      <c r="F57" s="3" t="s">
        <v>1067</v>
      </c>
      <c r="G57" s="3" t="s">
        <v>293</v>
      </c>
      <c r="H57" s="3" t="s">
        <v>65</v>
      </c>
      <c r="I57" s="3" t="s">
        <v>37</v>
      </c>
      <c r="J57" s="3" t="s">
        <v>1068</v>
      </c>
      <c r="K57" s="3" t="s">
        <v>32</v>
      </c>
      <c r="L57" s="3" t="s">
        <v>33</v>
      </c>
      <c r="M57" s="3" t="s">
        <v>67</v>
      </c>
      <c r="N57" s="3" t="s">
        <v>52</v>
      </c>
      <c r="O57" s="3" t="s">
        <v>53</v>
      </c>
      <c r="P57" s="3" t="s">
        <v>37</v>
      </c>
      <c r="Q57" s="3" t="s">
        <v>37</v>
      </c>
      <c r="R57" s="3" t="s">
        <v>38</v>
      </c>
      <c r="S57" s="3" t="s">
        <v>1069</v>
      </c>
      <c r="T57" s="3" t="s">
        <v>37</v>
      </c>
      <c r="U57" s="3" t="s">
        <v>37</v>
      </c>
      <c r="V57" s="3" t="s">
        <v>37</v>
      </c>
    </row>
    <row r="58" spans="1:22" x14ac:dyDescent="0.25">
      <c r="A58" s="3" t="s">
        <v>853</v>
      </c>
      <c r="B58" s="4" t="s">
        <v>237</v>
      </c>
      <c r="C58" s="3" t="s">
        <v>238</v>
      </c>
      <c r="D58" s="5" t="s">
        <v>876</v>
      </c>
      <c r="E58" s="3" t="s">
        <v>877</v>
      </c>
      <c r="F58" s="3" t="s">
        <v>1070</v>
      </c>
      <c r="G58" s="3" t="s">
        <v>49</v>
      </c>
      <c r="H58" s="3" t="s">
        <v>65</v>
      </c>
      <c r="I58" s="3" t="s">
        <v>879</v>
      </c>
      <c r="J58" s="3" t="s">
        <v>1071</v>
      </c>
      <c r="K58" s="3" t="s">
        <v>32</v>
      </c>
      <c r="L58" s="3" t="s">
        <v>33</v>
      </c>
      <c r="M58" s="3" t="s">
        <v>881</v>
      </c>
      <c r="N58" s="3" t="s">
        <v>74</v>
      </c>
      <c r="O58" s="3" t="s">
        <v>143</v>
      </c>
      <c r="P58" s="3" t="s">
        <v>37</v>
      </c>
      <c r="Q58" s="3" t="s">
        <v>37</v>
      </c>
      <c r="R58" s="3" t="s">
        <v>38</v>
      </c>
      <c r="S58" s="3" t="s">
        <v>1072</v>
      </c>
      <c r="T58" s="3" t="s">
        <v>37</v>
      </c>
      <c r="U58" s="3" t="s">
        <v>37</v>
      </c>
      <c r="V58" s="3" t="s">
        <v>37</v>
      </c>
    </row>
    <row r="59" spans="1:22" x14ac:dyDescent="0.25">
      <c r="A59" s="3" t="s">
        <v>853</v>
      </c>
      <c r="B59" s="4" t="s">
        <v>237</v>
      </c>
      <c r="C59" s="3" t="s">
        <v>238</v>
      </c>
      <c r="D59" s="5" t="s">
        <v>883</v>
      </c>
      <c r="E59" s="3" t="s">
        <v>877</v>
      </c>
      <c r="F59" s="3" t="s">
        <v>1073</v>
      </c>
      <c r="G59" s="3" t="s">
        <v>325</v>
      </c>
      <c r="H59" s="3" t="s">
        <v>65</v>
      </c>
      <c r="I59" s="3" t="s">
        <v>879</v>
      </c>
      <c r="J59" s="3" t="s">
        <v>1074</v>
      </c>
      <c r="K59" s="3" t="s">
        <v>32</v>
      </c>
      <c r="L59" s="3" t="s">
        <v>33</v>
      </c>
      <c r="M59" s="3" t="s">
        <v>881</v>
      </c>
      <c r="N59" s="3" t="s">
        <v>74</v>
      </c>
      <c r="O59" s="3" t="s">
        <v>143</v>
      </c>
      <c r="P59" s="3" t="s">
        <v>37</v>
      </c>
      <c r="Q59" s="3" t="s">
        <v>37</v>
      </c>
      <c r="R59" s="3" t="s">
        <v>38</v>
      </c>
      <c r="S59" s="3" t="s">
        <v>1075</v>
      </c>
      <c r="T59" s="3" t="s">
        <v>37</v>
      </c>
      <c r="U59" s="3" t="s">
        <v>37</v>
      </c>
      <c r="V59" s="3" t="s">
        <v>37</v>
      </c>
    </row>
    <row r="60" spans="1:22" x14ac:dyDescent="0.25">
      <c r="A60" s="3" t="s">
        <v>853</v>
      </c>
      <c r="B60" s="4" t="s">
        <v>237</v>
      </c>
      <c r="C60" s="3" t="s">
        <v>238</v>
      </c>
      <c r="D60" s="5" t="s">
        <v>887</v>
      </c>
      <c r="E60" s="3" t="s">
        <v>877</v>
      </c>
      <c r="F60" s="3" t="s">
        <v>1076</v>
      </c>
      <c r="G60" s="3" t="s">
        <v>1077</v>
      </c>
      <c r="H60" s="3" t="s">
        <v>65</v>
      </c>
      <c r="I60" s="3" t="s">
        <v>931</v>
      </c>
      <c r="J60" s="3" t="s">
        <v>1078</v>
      </c>
      <c r="K60" s="3" t="s">
        <v>32</v>
      </c>
      <c r="L60" s="3" t="s">
        <v>33</v>
      </c>
      <c r="M60" s="3" t="s">
        <v>881</v>
      </c>
      <c r="N60" s="3" t="s">
        <v>74</v>
      </c>
      <c r="O60" s="3" t="s">
        <v>143</v>
      </c>
      <c r="P60" s="3" t="s">
        <v>37</v>
      </c>
      <c r="Q60" s="3" t="s">
        <v>37</v>
      </c>
      <c r="R60" s="3" t="s">
        <v>38</v>
      </c>
      <c r="S60" s="3" t="s">
        <v>1079</v>
      </c>
      <c r="T60" s="3" t="s">
        <v>37</v>
      </c>
      <c r="U60" s="3" t="s">
        <v>37</v>
      </c>
      <c r="V60" s="3" t="s">
        <v>37</v>
      </c>
    </row>
    <row r="61" spans="1:22" x14ac:dyDescent="0.25">
      <c r="A61" s="3" t="s">
        <v>853</v>
      </c>
      <c r="B61" s="4" t="s">
        <v>237</v>
      </c>
      <c r="C61" s="3" t="s">
        <v>238</v>
      </c>
      <c r="D61" s="5" t="s">
        <v>891</v>
      </c>
      <c r="E61" s="3" t="s">
        <v>877</v>
      </c>
      <c r="F61" s="3" t="s">
        <v>1080</v>
      </c>
      <c r="G61" s="3" t="s">
        <v>94</v>
      </c>
      <c r="H61" s="3" t="s">
        <v>65</v>
      </c>
      <c r="I61" s="3" t="s">
        <v>879</v>
      </c>
      <c r="J61" s="3" t="s">
        <v>1081</v>
      </c>
      <c r="K61" s="3" t="s">
        <v>32</v>
      </c>
      <c r="L61" s="3" t="s">
        <v>33</v>
      </c>
      <c r="M61" s="3" t="s">
        <v>881</v>
      </c>
      <c r="N61" s="3" t="s">
        <v>74</v>
      </c>
      <c r="O61" s="3" t="s">
        <v>143</v>
      </c>
      <c r="P61" s="3" t="s">
        <v>37</v>
      </c>
      <c r="Q61" s="3" t="s">
        <v>37</v>
      </c>
      <c r="R61" s="3" t="s">
        <v>38</v>
      </c>
      <c r="S61" s="3" t="s">
        <v>1082</v>
      </c>
      <c r="T61" s="3" t="s">
        <v>37</v>
      </c>
      <c r="U61" s="3" t="s">
        <v>37</v>
      </c>
      <c r="V61" s="3" t="s">
        <v>37</v>
      </c>
    </row>
    <row r="62" spans="1:22" x14ac:dyDescent="0.25">
      <c r="A62" s="3" t="s">
        <v>853</v>
      </c>
      <c r="B62" s="4" t="s">
        <v>237</v>
      </c>
      <c r="C62" s="3" t="s">
        <v>238</v>
      </c>
      <c r="D62" s="5" t="s">
        <v>895</v>
      </c>
      <c r="E62" s="3" t="s">
        <v>877</v>
      </c>
      <c r="F62" s="3" t="s">
        <v>1083</v>
      </c>
      <c r="G62" s="3" t="s">
        <v>360</v>
      </c>
      <c r="H62" s="3" t="s">
        <v>65</v>
      </c>
      <c r="I62" s="3" t="s">
        <v>879</v>
      </c>
      <c r="J62" s="3" t="s">
        <v>1084</v>
      </c>
      <c r="K62" s="3" t="s">
        <v>32</v>
      </c>
      <c r="L62" s="3" t="s">
        <v>33</v>
      </c>
      <c r="M62" s="3" t="s">
        <v>881</v>
      </c>
      <c r="N62" s="3" t="s">
        <v>74</v>
      </c>
      <c r="O62" s="3" t="s">
        <v>143</v>
      </c>
      <c r="P62" s="3" t="s">
        <v>37</v>
      </c>
      <c r="Q62" s="3" t="s">
        <v>37</v>
      </c>
      <c r="R62" s="3" t="s">
        <v>38</v>
      </c>
      <c r="S62" s="3" t="s">
        <v>1085</v>
      </c>
      <c r="T62" s="3" t="s">
        <v>37</v>
      </c>
      <c r="U62" s="3" t="s">
        <v>37</v>
      </c>
      <c r="V62" s="3" t="s">
        <v>37</v>
      </c>
    </row>
    <row r="63" spans="1:22" x14ac:dyDescent="0.25">
      <c r="A63" s="3" t="s">
        <v>853</v>
      </c>
      <c r="B63" s="4" t="s">
        <v>237</v>
      </c>
      <c r="C63" s="3" t="s">
        <v>238</v>
      </c>
      <c r="D63" s="5" t="s">
        <v>76</v>
      </c>
      <c r="E63" s="3" t="s">
        <v>877</v>
      </c>
      <c r="F63" s="3" t="s">
        <v>986</v>
      </c>
      <c r="G63" s="3" t="s">
        <v>139</v>
      </c>
      <c r="H63" s="3" t="s">
        <v>65</v>
      </c>
      <c r="I63" s="3" t="s">
        <v>879</v>
      </c>
      <c r="J63" s="8" t="s">
        <v>968</v>
      </c>
      <c r="K63" s="3" t="s">
        <v>32</v>
      </c>
      <c r="L63" s="3" t="s">
        <v>33</v>
      </c>
      <c r="M63" s="3" t="s">
        <v>881</v>
      </c>
      <c r="N63" s="3" t="s">
        <v>74</v>
      </c>
      <c r="O63" s="3" t="s">
        <v>143</v>
      </c>
      <c r="P63" s="3" t="s">
        <v>37</v>
      </c>
      <c r="Q63" s="3" t="s">
        <v>37</v>
      </c>
      <c r="R63" s="3" t="s">
        <v>38</v>
      </c>
      <c r="S63" s="3" t="s">
        <v>987</v>
      </c>
      <c r="T63" s="3" t="s">
        <v>37</v>
      </c>
      <c r="U63" s="3" t="s">
        <v>37</v>
      </c>
      <c r="V63" s="3" t="s">
        <v>37</v>
      </c>
    </row>
    <row r="64" spans="1:22" x14ac:dyDescent="0.25">
      <c r="A64" s="3" t="s">
        <v>853</v>
      </c>
      <c r="B64" s="4" t="s">
        <v>237</v>
      </c>
      <c r="C64" s="3" t="s">
        <v>238</v>
      </c>
      <c r="D64" s="5" t="s">
        <v>902</v>
      </c>
      <c r="E64" s="3" t="s">
        <v>903</v>
      </c>
      <c r="F64" s="3" t="s">
        <v>1086</v>
      </c>
      <c r="G64" s="3" t="s">
        <v>430</v>
      </c>
      <c r="H64" s="3" t="s">
        <v>49</v>
      </c>
      <c r="I64" s="3" t="s">
        <v>37</v>
      </c>
      <c r="J64" s="3" t="s">
        <v>1087</v>
      </c>
      <c r="K64" s="3" t="s">
        <v>32</v>
      </c>
      <c r="L64" s="3" t="s">
        <v>33</v>
      </c>
      <c r="M64" s="3" t="s">
        <v>67</v>
      </c>
      <c r="N64" s="3" t="s">
        <v>74</v>
      </c>
      <c r="O64" s="3" t="s">
        <v>179</v>
      </c>
      <c r="P64" s="3" t="s">
        <v>37</v>
      </c>
      <c r="Q64" s="3" t="s">
        <v>37</v>
      </c>
      <c r="R64" s="3" t="s">
        <v>38</v>
      </c>
      <c r="S64" s="3" t="s">
        <v>1088</v>
      </c>
      <c r="T64" s="3" t="s">
        <v>37</v>
      </c>
      <c r="U64" s="3" t="s">
        <v>37</v>
      </c>
      <c r="V64" s="3" t="s">
        <v>37</v>
      </c>
    </row>
    <row r="65" spans="1:22" x14ac:dyDescent="0.25">
      <c r="A65" s="3" t="s">
        <v>853</v>
      </c>
      <c r="B65" s="4" t="s">
        <v>237</v>
      </c>
      <c r="C65" s="3" t="s">
        <v>238</v>
      </c>
      <c r="D65" s="5" t="s">
        <v>907</v>
      </c>
      <c r="E65" s="3" t="s">
        <v>903</v>
      </c>
      <c r="F65" s="3" t="s">
        <v>904</v>
      </c>
      <c r="G65" s="3" t="s">
        <v>156</v>
      </c>
      <c r="H65" s="3" t="s">
        <v>49</v>
      </c>
      <c r="I65" s="3" t="s">
        <v>37</v>
      </c>
      <c r="J65" s="7" t="s">
        <v>908</v>
      </c>
      <c r="K65" s="3" t="s">
        <v>32</v>
      </c>
      <c r="L65" s="3" t="s">
        <v>33</v>
      </c>
      <c r="M65" s="3" t="s">
        <v>67</v>
      </c>
      <c r="N65" s="3" t="s">
        <v>74</v>
      </c>
      <c r="O65" s="3" t="s">
        <v>179</v>
      </c>
      <c r="P65" s="3" t="s">
        <v>37</v>
      </c>
      <c r="Q65" s="3" t="s">
        <v>37</v>
      </c>
      <c r="R65" s="3" t="s">
        <v>38</v>
      </c>
      <c r="S65" s="3" t="s">
        <v>1089</v>
      </c>
      <c r="T65" s="3" t="s">
        <v>37</v>
      </c>
      <c r="U65" s="3" t="s">
        <v>37</v>
      </c>
      <c r="V65" s="3" t="s">
        <v>37</v>
      </c>
    </row>
    <row r="66" spans="1:22" x14ac:dyDescent="0.25">
      <c r="A66" s="3" t="s">
        <v>853</v>
      </c>
      <c r="B66" s="4" t="s">
        <v>237</v>
      </c>
      <c r="C66" s="3" t="s">
        <v>238</v>
      </c>
      <c r="D66" s="5" t="s">
        <v>910</v>
      </c>
      <c r="E66" s="3" t="s">
        <v>499</v>
      </c>
      <c r="F66" s="3" t="s">
        <v>768</v>
      </c>
      <c r="G66" s="3" t="s">
        <v>769</v>
      </c>
      <c r="H66" s="3" t="s">
        <v>49</v>
      </c>
      <c r="I66" s="3" t="s">
        <v>502</v>
      </c>
      <c r="J66" s="3" t="s">
        <v>770</v>
      </c>
      <c r="K66" s="3" t="s">
        <v>32</v>
      </c>
      <c r="L66" s="3" t="s">
        <v>33</v>
      </c>
      <c r="M66" s="3" t="s">
        <v>34</v>
      </c>
      <c r="N66" s="3" t="s">
        <v>74</v>
      </c>
      <c r="O66" s="3" t="s">
        <v>179</v>
      </c>
      <c r="P66" s="3" t="s">
        <v>37</v>
      </c>
      <c r="Q66" s="3" t="s">
        <v>37</v>
      </c>
      <c r="R66" s="3" t="s">
        <v>38</v>
      </c>
      <c r="S66" s="3" t="s">
        <v>771</v>
      </c>
      <c r="T66" s="3" t="s">
        <v>37</v>
      </c>
      <c r="U66" s="3" t="s">
        <v>37</v>
      </c>
      <c r="V66" s="3" t="s">
        <v>37</v>
      </c>
    </row>
    <row r="67" spans="1:22" x14ac:dyDescent="0.25">
      <c r="A67" s="3" t="s">
        <v>853</v>
      </c>
      <c r="B67" s="4" t="s">
        <v>237</v>
      </c>
      <c r="C67" s="3" t="s">
        <v>238</v>
      </c>
      <c r="D67" s="5" t="s">
        <v>914</v>
      </c>
      <c r="E67" s="3" t="s">
        <v>990</v>
      </c>
      <c r="F67" s="3" t="s">
        <v>1003</v>
      </c>
      <c r="G67" s="3" t="s">
        <v>199</v>
      </c>
      <c r="H67" s="3" t="s">
        <v>65</v>
      </c>
      <c r="I67" s="3" t="s">
        <v>37</v>
      </c>
      <c r="J67" s="3" t="s">
        <v>1004</v>
      </c>
      <c r="K67" s="3" t="s">
        <v>32</v>
      </c>
      <c r="L67" s="3" t="s">
        <v>33</v>
      </c>
      <c r="M67" s="3" t="s">
        <v>67</v>
      </c>
      <c r="N67" s="3" t="s">
        <v>74</v>
      </c>
      <c r="O67" s="3" t="s">
        <v>179</v>
      </c>
      <c r="P67" s="3" t="s">
        <v>37</v>
      </c>
      <c r="Q67" s="3" t="s">
        <v>37</v>
      </c>
      <c r="R67" s="3" t="s">
        <v>38</v>
      </c>
      <c r="S67" s="3" t="s">
        <v>1005</v>
      </c>
      <c r="T67" s="3" t="s">
        <v>37</v>
      </c>
      <c r="U67" s="3" t="s">
        <v>37</v>
      </c>
      <c r="V67" s="3" t="s">
        <v>37</v>
      </c>
    </row>
    <row r="68" spans="1:22" x14ac:dyDescent="0.25">
      <c r="A68" s="3" t="s">
        <v>853</v>
      </c>
      <c r="B68" s="4" t="s">
        <v>237</v>
      </c>
      <c r="C68" s="3" t="s">
        <v>238</v>
      </c>
      <c r="D68" s="5" t="s">
        <v>102</v>
      </c>
      <c r="E68" s="3" t="s">
        <v>1007</v>
      </c>
      <c r="F68" s="3" t="s">
        <v>37</v>
      </c>
      <c r="G68" s="3">
        <v>1</v>
      </c>
      <c r="H68" s="3">
        <v>0</v>
      </c>
      <c r="I68" s="3" t="s">
        <v>920</v>
      </c>
      <c r="J68" s="3" t="s">
        <v>1008</v>
      </c>
      <c r="K68" s="3" t="s">
        <v>1009</v>
      </c>
      <c r="L68" s="3" t="s">
        <v>33</v>
      </c>
      <c r="M68" s="3" t="s">
        <v>67</v>
      </c>
      <c r="N68" s="3" t="s">
        <v>922</v>
      </c>
      <c r="O68" s="3" t="s">
        <v>1010</v>
      </c>
      <c r="P68" s="3" t="s">
        <v>37</v>
      </c>
      <c r="Q68" s="3" t="s">
        <v>37</v>
      </c>
      <c r="R68" s="3" t="s">
        <v>38</v>
      </c>
      <c r="S68" s="3" t="s">
        <v>1011</v>
      </c>
      <c r="T68" s="3" t="s">
        <v>37</v>
      </c>
      <c r="U68" s="3" t="s">
        <v>37</v>
      </c>
      <c r="V68" s="3" t="s">
        <v>37</v>
      </c>
    </row>
    <row r="69" spans="1:22" x14ac:dyDescent="0.25">
      <c r="A69" s="3" t="s">
        <v>853</v>
      </c>
      <c r="B69" s="4" t="s">
        <v>237</v>
      </c>
      <c r="C69" s="3" t="s">
        <v>238</v>
      </c>
      <c r="D69" s="5" t="s">
        <v>925</v>
      </c>
      <c r="E69" s="3" t="s">
        <v>1090</v>
      </c>
      <c r="F69" s="3" t="s">
        <v>1091</v>
      </c>
      <c r="G69" s="3" t="s">
        <v>346</v>
      </c>
      <c r="H69" s="3" t="s">
        <v>65</v>
      </c>
      <c r="I69" s="3" t="s">
        <v>1092</v>
      </c>
      <c r="J69" s="3" t="s">
        <v>1093</v>
      </c>
      <c r="K69" s="3" t="s">
        <v>32</v>
      </c>
      <c r="L69" s="3" t="s">
        <v>33</v>
      </c>
      <c r="M69" s="3" t="s">
        <v>67</v>
      </c>
      <c r="N69" s="3" t="s">
        <v>52</v>
      </c>
      <c r="O69" s="3" t="s">
        <v>36</v>
      </c>
      <c r="P69" s="3" t="s">
        <v>37</v>
      </c>
      <c r="Q69" s="3" t="s">
        <v>37</v>
      </c>
      <c r="R69" s="3" t="s">
        <v>38</v>
      </c>
      <c r="S69" s="3" t="s">
        <v>1094</v>
      </c>
      <c r="T69" s="3" t="s">
        <v>37</v>
      </c>
      <c r="U69" s="3" t="s">
        <v>37</v>
      </c>
      <c r="V69" s="3" t="s">
        <v>37</v>
      </c>
    </row>
    <row r="70" spans="1:22" x14ac:dyDescent="0.25">
      <c r="A70" s="3" t="s">
        <v>853</v>
      </c>
      <c r="B70" s="4" t="s">
        <v>237</v>
      </c>
      <c r="C70" s="3" t="s">
        <v>238</v>
      </c>
      <c r="D70" s="5" t="s">
        <v>937</v>
      </c>
      <c r="E70" s="3" t="s">
        <v>1090</v>
      </c>
      <c r="F70" s="3" t="s">
        <v>1095</v>
      </c>
      <c r="G70" s="3" t="s">
        <v>379</v>
      </c>
      <c r="H70" s="3" t="s">
        <v>65</v>
      </c>
      <c r="I70" s="3" t="s">
        <v>1092</v>
      </c>
      <c r="J70" s="3" t="s">
        <v>1096</v>
      </c>
      <c r="K70" s="3" t="s">
        <v>32</v>
      </c>
      <c r="L70" s="3" t="s">
        <v>33</v>
      </c>
      <c r="M70" s="3" t="s">
        <v>67</v>
      </c>
      <c r="N70" s="3" t="s">
        <v>52</v>
      </c>
      <c r="O70" s="3" t="s">
        <v>36</v>
      </c>
      <c r="P70" s="3" t="s">
        <v>37</v>
      </c>
      <c r="Q70" s="3" t="s">
        <v>37</v>
      </c>
      <c r="R70" s="3" t="s">
        <v>38</v>
      </c>
      <c r="S70" s="3" t="s">
        <v>1097</v>
      </c>
      <c r="T70" s="3" t="s">
        <v>37</v>
      </c>
      <c r="U70" s="3" t="s">
        <v>37</v>
      </c>
      <c r="V70" s="3" t="s">
        <v>37</v>
      </c>
    </row>
    <row r="71" spans="1:22" x14ac:dyDescent="0.25">
      <c r="A71" s="3" t="s">
        <v>853</v>
      </c>
      <c r="B71" s="4" t="s">
        <v>237</v>
      </c>
      <c r="C71" s="3" t="s">
        <v>238</v>
      </c>
      <c r="D71" s="5" t="s">
        <v>113</v>
      </c>
      <c r="E71" s="3" t="s">
        <v>1090</v>
      </c>
      <c r="F71" s="3" t="s">
        <v>1098</v>
      </c>
      <c r="G71" s="3" t="s">
        <v>65</v>
      </c>
      <c r="H71" s="3" t="s">
        <v>65</v>
      </c>
      <c r="I71" s="3" t="s">
        <v>1092</v>
      </c>
      <c r="J71" s="3" t="s">
        <v>1099</v>
      </c>
      <c r="K71" s="3" t="s">
        <v>32</v>
      </c>
      <c r="L71" s="3" t="s">
        <v>33</v>
      </c>
      <c r="M71" s="3" t="s">
        <v>67</v>
      </c>
      <c r="N71" s="3" t="s">
        <v>52</v>
      </c>
      <c r="O71" s="3" t="s">
        <v>36</v>
      </c>
      <c r="P71" s="3" t="s">
        <v>37</v>
      </c>
      <c r="Q71" s="3" t="s">
        <v>37</v>
      </c>
      <c r="R71" s="3" t="s">
        <v>38</v>
      </c>
      <c r="S71" s="3" t="s">
        <v>1100</v>
      </c>
      <c r="T71" s="3" t="s">
        <v>37</v>
      </c>
      <c r="U71" s="3" t="s">
        <v>37</v>
      </c>
      <c r="V71" s="3" t="s">
        <v>37</v>
      </c>
    </row>
    <row r="72" spans="1:22" x14ac:dyDescent="0.25">
      <c r="A72" s="3" t="s">
        <v>853</v>
      </c>
      <c r="B72" s="4" t="s">
        <v>237</v>
      </c>
      <c r="C72" s="3" t="s">
        <v>238</v>
      </c>
      <c r="D72" s="5" t="s">
        <v>458</v>
      </c>
      <c r="E72" s="3" t="s">
        <v>1090</v>
      </c>
      <c r="F72" s="3" t="s">
        <v>1101</v>
      </c>
      <c r="G72" s="3" t="s">
        <v>582</v>
      </c>
      <c r="H72" s="3" t="s">
        <v>65</v>
      </c>
      <c r="I72" s="3" t="s">
        <v>1092</v>
      </c>
      <c r="J72" s="3" t="s">
        <v>1102</v>
      </c>
      <c r="K72" s="3" t="s">
        <v>32</v>
      </c>
      <c r="L72" s="3" t="s">
        <v>33</v>
      </c>
      <c r="M72" s="3" t="s">
        <v>67</v>
      </c>
      <c r="N72" s="3" t="s">
        <v>52</v>
      </c>
      <c r="O72" s="3" t="s">
        <v>36</v>
      </c>
      <c r="P72" s="3" t="s">
        <v>37</v>
      </c>
      <c r="Q72" s="3" t="s">
        <v>37</v>
      </c>
      <c r="R72" s="3" t="s">
        <v>38</v>
      </c>
      <c r="S72" s="3" t="s">
        <v>1103</v>
      </c>
      <c r="T72" s="3" t="s">
        <v>37</v>
      </c>
      <c r="U72" s="3" t="s">
        <v>37</v>
      </c>
      <c r="V72" s="3" t="s">
        <v>37</v>
      </c>
    </row>
    <row r="73" spans="1:22" x14ac:dyDescent="0.25">
      <c r="A73" s="3" t="s">
        <v>853</v>
      </c>
      <c r="B73" s="4" t="s">
        <v>237</v>
      </c>
      <c r="C73" s="3" t="s">
        <v>238</v>
      </c>
      <c r="D73" s="5" t="s">
        <v>124</v>
      </c>
      <c r="E73" s="3" t="s">
        <v>1090</v>
      </c>
      <c r="F73" s="3" t="s">
        <v>1104</v>
      </c>
      <c r="G73" s="3" t="s">
        <v>199</v>
      </c>
      <c r="H73" s="3" t="s">
        <v>65</v>
      </c>
      <c r="I73" s="3" t="s">
        <v>1092</v>
      </c>
      <c r="J73" s="3" t="s">
        <v>1105</v>
      </c>
      <c r="K73" s="3" t="s">
        <v>32</v>
      </c>
      <c r="L73" s="3" t="s">
        <v>33</v>
      </c>
      <c r="M73" s="3" t="s">
        <v>67</v>
      </c>
      <c r="N73" s="3" t="s">
        <v>52</v>
      </c>
      <c r="O73" s="3" t="s">
        <v>36</v>
      </c>
      <c r="P73" s="3" t="s">
        <v>37</v>
      </c>
      <c r="Q73" s="3" t="s">
        <v>37</v>
      </c>
      <c r="R73" s="3" t="s">
        <v>38</v>
      </c>
      <c r="S73" s="3" t="s">
        <v>1106</v>
      </c>
      <c r="T73" s="3" t="s">
        <v>37</v>
      </c>
      <c r="U73" s="3" t="s">
        <v>37</v>
      </c>
      <c r="V73" s="3" t="s">
        <v>37</v>
      </c>
    </row>
    <row r="74" spans="1:22" x14ac:dyDescent="0.25">
      <c r="A74" s="3" t="s">
        <v>853</v>
      </c>
      <c r="B74" s="4" t="s">
        <v>237</v>
      </c>
      <c r="C74" s="3" t="s">
        <v>238</v>
      </c>
      <c r="D74" s="5" t="s">
        <v>981</v>
      </c>
      <c r="E74" s="3" t="s">
        <v>1090</v>
      </c>
      <c r="F74" s="3" t="s">
        <v>1107</v>
      </c>
      <c r="G74" s="3" t="s">
        <v>546</v>
      </c>
      <c r="H74" s="3" t="s">
        <v>65</v>
      </c>
      <c r="I74" s="3" t="s">
        <v>1092</v>
      </c>
      <c r="J74" s="3" t="s">
        <v>1108</v>
      </c>
      <c r="K74" s="3" t="s">
        <v>32</v>
      </c>
      <c r="L74" s="3" t="s">
        <v>33</v>
      </c>
      <c r="M74" s="3" t="s">
        <v>67</v>
      </c>
      <c r="N74" s="3" t="s">
        <v>52</v>
      </c>
      <c r="O74" s="3" t="s">
        <v>36</v>
      </c>
      <c r="P74" s="3" t="s">
        <v>37</v>
      </c>
      <c r="Q74" s="3" t="s">
        <v>37</v>
      </c>
      <c r="R74" s="3" t="s">
        <v>38</v>
      </c>
      <c r="S74" s="3" t="s">
        <v>1109</v>
      </c>
      <c r="T74" s="3" t="s">
        <v>37</v>
      </c>
      <c r="U74" s="3" t="s">
        <v>37</v>
      </c>
      <c r="V74" s="3" t="s">
        <v>37</v>
      </c>
    </row>
    <row r="75" spans="1:22" x14ac:dyDescent="0.25">
      <c r="A75" s="3" t="s">
        <v>853</v>
      </c>
      <c r="B75" s="4" t="s">
        <v>237</v>
      </c>
      <c r="C75" s="3" t="s">
        <v>238</v>
      </c>
      <c r="D75" s="5" t="s">
        <v>136</v>
      </c>
      <c r="E75" s="3" t="s">
        <v>990</v>
      </c>
      <c r="F75" s="3" t="s">
        <v>1110</v>
      </c>
      <c r="G75" s="3" t="s">
        <v>325</v>
      </c>
      <c r="H75" s="3" t="s">
        <v>65</v>
      </c>
      <c r="I75" s="3" t="s">
        <v>37</v>
      </c>
      <c r="J75" s="3" t="s">
        <v>1111</v>
      </c>
      <c r="K75" s="3" t="s">
        <v>32</v>
      </c>
      <c r="L75" s="3" t="s">
        <v>33</v>
      </c>
      <c r="M75" s="3" t="s">
        <v>67</v>
      </c>
      <c r="N75" s="3" t="s">
        <v>74</v>
      </c>
      <c r="O75" s="3" t="s">
        <v>179</v>
      </c>
      <c r="P75" s="3" t="s">
        <v>37</v>
      </c>
      <c r="Q75" s="3" t="s">
        <v>37</v>
      </c>
      <c r="R75" s="3" t="s">
        <v>38</v>
      </c>
      <c r="S75" s="3" t="s">
        <v>1112</v>
      </c>
      <c r="T75" s="3" t="s">
        <v>37</v>
      </c>
      <c r="U75" s="3" t="s">
        <v>37</v>
      </c>
      <c r="V75" s="3" t="s">
        <v>37</v>
      </c>
    </row>
    <row r="76" spans="1:22" x14ac:dyDescent="0.25">
      <c r="A76" s="3" t="s">
        <v>853</v>
      </c>
      <c r="B76" s="4" t="s">
        <v>237</v>
      </c>
      <c r="C76" s="3" t="s">
        <v>238</v>
      </c>
      <c r="D76" s="5" t="s">
        <v>150</v>
      </c>
      <c r="E76" s="3" t="s">
        <v>915</v>
      </c>
      <c r="F76" s="3" t="s">
        <v>1113</v>
      </c>
      <c r="G76" s="3" t="s">
        <v>65</v>
      </c>
      <c r="H76" s="3" t="s">
        <v>65</v>
      </c>
      <c r="I76" s="3" t="s">
        <v>1114</v>
      </c>
      <c r="J76" s="3" t="s">
        <v>1115</v>
      </c>
      <c r="K76" s="3" t="s">
        <v>32</v>
      </c>
      <c r="L76" s="3" t="s">
        <v>33</v>
      </c>
      <c r="M76" s="3" t="s">
        <v>67</v>
      </c>
      <c r="N76" s="3" t="s">
        <v>142</v>
      </c>
      <c r="O76" s="3" t="s">
        <v>179</v>
      </c>
      <c r="P76" s="3" t="s">
        <v>37</v>
      </c>
      <c r="Q76" s="3" t="s">
        <v>37</v>
      </c>
      <c r="R76" s="3" t="s">
        <v>38</v>
      </c>
      <c r="S76" s="3" t="s">
        <v>1116</v>
      </c>
      <c r="T76" s="3" t="s">
        <v>37</v>
      </c>
      <c r="U76" s="3" t="s">
        <v>37</v>
      </c>
      <c r="V76" s="3" t="s">
        <v>37</v>
      </c>
    </row>
    <row r="77" spans="1:22" x14ac:dyDescent="0.25">
      <c r="A77" s="3" t="s">
        <v>853</v>
      </c>
      <c r="B77" s="4" t="s">
        <v>237</v>
      </c>
      <c r="C77" s="3" t="s">
        <v>238</v>
      </c>
      <c r="D77" s="5" t="s">
        <v>997</v>
      </c>
      <c r="E77" s="3" t="s">
        <v>872</v>
      </c>
      <c r="F77" s="3" t="s">
        <v>911</v>
      </c>
      <c r="G77" s="3" t="s">
        <v>99</v>
      </c>
      <c r="H77" s="3" t="s">
        <v>65</v>
      </c>
      <c r="I77" s="3" t="s">
        <v>37</v>
      </c>
      <c r="J77" s="3" t="s">
        <v>912</v>
      </c>
      <c r="K77" s="3" t="s">
        <v>32</v>
      </c>
      <c r="L77" s="3" t="s">
        <v>33</v>
      </c>
      <c r="M77" s="3" t="s">
        <v>67</v>
      </c>
      <c r="N77" s="3" t="s">
        <v>52</v>
      </c>
      <c r="O77" s="3" t="s">
        <v>53</v>
      </c>
      <c r="P77" s="3" t="s">
        <v>37</v>
      </c>
      <c r="Q77" s="3" t="s">
        <v>37</v>
      </c>
      <c r="R77" s="3" t="s">
        <v>38</v>
      </c>
      <c r="S77" s="3" t="s">
        <v>913</v>
      </c>
      <c r="T77" s="3" t="s">
        <v>37</v>
      </c>
      <c r="U77" s="3" t="s">
        <v>37</v>
      </c>
      <c r="V77" s="3" t="s">
        <v>37</v>
      </c>
    </row>
    <row r="78" spans="1:22" x14ac:dyDescent="0.25">
      <c r="A78" s="3" t="s">
        <v>853</v>
      </c>
      <c r="B78" s="4" t="s">
        <v>237</v>
      </c>
      <c r="C78" s="3" t="s">
        <v>238</v>
      </c>
      <c r="D78" s="5" t="s">
        <v>1001</v>
      </c>
      <c r="E78" s="3" t="s">
        <v>915</v>
      </c>
      <c r="F78" s="3" t="s">
        <v>916</v>
      </c>
      <c r="G78" s="3" t="s">
        <v>115</v>
      </c>
      <c r="H78" s="3" t="s">
        <v>29</v>
      </c>
      <c r="I78" s="3" t="s">
        <v>37</v>
      </c>
      <c r="J78" s="7" t="s">
        <v>917</v>
      </c>
      <c r="K78" s="3" t="s">
        <v>32</v>
      </c>
      <c r="L78" s="3" t="s">
        <v>33</v>
      </c>
      <c r="M78" s="3" t="s">
        <v>67</v>
      </c>
      <c r="N78" s="3" t="s">
        <v>52</v>
      </c>
      <c r="O78" s="3" t="s">
        <v>179</v>
      </c>
      <c r="P78" s="3" t="s">
        <v>37</v>
      </c>
      <c r="Q78" s="3" t="s">
        <v>37</v>
      </c>
      <c r="R78" s="3" t="s">
        <v>38</v>
      </c>
      <c r="S78" s="3" t="s">
        <v>918</v>
      </c>
      <c r="T78" s="3" t="s">
        <v>37</v>
      </c>
      <c r="U78" s="3" t="s">
        <v>37</v>
      </c>
      <c r="V78" s="3" t="s">
        <v>37</v>
      </c>
    </row>
    <row r="79" spans="1:22" x14ac:dyDescent="0.25">
      <c r="A79" s="3" t="s">
        <v>853</v>
      </c>
      <c r="B79" s="4" t="s">
        <v>237</v>
      </c>
      <c r="C79" s="3" t="s">
        <v>238</v>
      </c>
      <c r="D79" s="5" t="s">
        <v>1002</v>
      </c>
      <c r="E79" s="3" t="s">
        <v>872</v>
      </c>
      <c r="F79" s="3" t="s">
        <v>911</v>
      </c>
      <c r="G79" s="3" t="s">
        <v>99</v>
      </c>
      <c r="H79" s="3" t="s">
        <v>65</v>
      </c>
      <c r="I79" s="3" t="s">
        <v>37</v>
      </c>
      <c r="J79" s="3" t="s">
        <v>912</v>
      </c>
      <c r="K79" s="3" t="s">
        <v>32</v>
      </c>
      <c r="L79" s="3" t="s">
        <v>33</v>
      </c>
      <c r="M79" s="3" t="s">
        <v>67</v>
      </c>
      <c r="N79" s="3" t="s">
        <v>52</v>
      </c>
      <c r="O79" s="3" t="s">
        <v>53</v>
      </c>
      <c r="P79" s="3" t="s">
        <v>37</v>
      </c>
      <c r="Q79" s="3" t="s">
        <v>37</v>
      </c>
      <c r="R79" s="3" t="s">
        <v>38</v>
      </c>
      <c r="S79" s="3" t="s">
        <v>913</v>
      </c>
      <c r="T79" s="3" t="s">
        <v>37</v>
      </c>
      <c r="U79" s="3" t="s">
        <v>37</v>
      </c>
      <c r="V79" s="3" t="s">
        <v>37</v>
      </c>
    </row>
    <row r="80" spans="1:22" x14ac:dyDescent="0.25">
      <c r="A80" s="3" t="s">
        <v>853</v>
      </c>
      <c r="B80" s="4" t="s">
        <v>237</v>
      </c>
      <c r="C80" s="3" t="s">
        <v>238</v>
      </c>
      <c r="D80" s="5" t="s">
        <v>1006</v>
      </c>
      <c r="E80" s="3" t="s">
        <v>919</v>
      </c>
      <c r="F80" s="3" t="s">
        <v>37</v>
      </c>
      <c r="G80" s="3">
        <v>1</v>
      </c>
      <c r="H80" s="3">
        <v>0</v>
      </c>
      <c r="I80" s="3" t="s">
        <v>920</v>
      </c>
      <c r="J80" s="3" t="s">
        <v>921</v>
      </c>
      <c r="K80" s="3" t="s">
        <v>33</v>
      </c>
      <c r="L80" s="3" t="s">
        <v>33</v>
      </c>
      <c r="M80" s="3" t="s">
        <v>67</v>
      </c>
      <c r="N80" s="3" t="s">
        <v>922</v>
      </c>
      <c r="O80" s="3" t="s">
        <v>923</v>
      </c>
      <c r="P80" s="3" t="s">
        <v>37</v>
      </c>
      <c r="Q80" s="3" t="s">
        <v>37</v>
      </c>
      <c r="R80" s="3" t="s">
        <v>38</v>
      </c>
      <c r="S80" s="3" t="s">
        <v>924</v>
      </c>
      <c r="T80" s="3" t="s">
        <v>37</v>
      </c>
      <c r="U80" s="3" t="s">
        <v>37</v>
      </c>
      <c r="V80" s="3" t="s">
        <v>37</v>
      </c>
    </row>
    <row r="81" spans="1:22" x14ac:dyDescent="0.25">
      <c r="A81" s="3" t="s">
        <v>853</v>
      </c>
      <c r="B81" s="4" t="s">
        <v>237</v>
      </c>
      <c r="C81" s="3" t="s">
        <v>238</v>
      </c>
      <c r="D81" s="5" t="s">
        <v>1012</v>
      </c>
      <c r="E81" s="3" t="s">
        <v>1013</v>
      </c>
      <c r="F81" s="3" t="s">
        <v>1117</v>
      </c>
      <c r="G81" s="3" t="s">
        <v>346</v>
      </c>
      <c r="H81" s="3" t="s">
        <v>65</v>
      </c>
      <c r="I81" s="3" t="s">
        <v>1118</v>
      </c>
      <c r="J81" s="3" t="s">
        <v>1119</v>
      </c>
      <c r="K81" s="3" t="s">
        <v>32</v>
      </c>
      <c r="L81" s="3" t="s">
        <v>33</v>
      </c>
      <c r="M81" s="3" t="s">
        <v>67</v>
      </c>
      <c r="N81" s="3" t="s">
        <v>35</v>
      </c>
      <c r="O81" s="3" t="s">
        <v>53</v>
      </c>
      <c r="P81" s="3" t="s">
        <v>37</v>
      </c>
      <c r="Q81" s="3" t="s">
        <v>37</v>
      </c>
      <c r="R81" s="3" t="s">
        <v>38</v>
      </c>
      <c r="S81" s="3" t="s">
        <v>1120</v>
      </c>
      <c r="T81" s="3" t="s">
        <v>37</v>
      </c>
      <c r="U81" s="3" t="s">
        <v>37</v>
      </c>
      <c r="V81" s="3" t="s">
        <v>37</v>
      </c>
    </row>
    <row r="82" spans="1:22" x14ac:dyDescent="0.25">
      <c r="A82" s="3" t="s">
        <v>853</v>
      </c>
      <c r="B82" s="4" t="s">
        <v>237</v>
      </c>
      <c r="C82" s="3" t="s">
        <v>238</v>
      </c>
      <c r="D82" s="5" t="s">
        <v>192</v>
      </c>
      <c r="E82" s="3" t="s">
        <v>1018</v>
      </c>
      <c r="F82" s="3" t="s">
        <v>1121</v>
      </c>
      <c r="G82" s="3" t="s">
        <v>516</v>
      </c>
      <c r="H82" s="3" t="s">
        <v>29</v>
      </c>
      <c r="I82" s="3" t="s">
        <v>1025</v>
      </c>
      <c r="J82" s="3" t="s">
        <v>1122</v>
      </c>
      <c r="K82" s="3" t="s">
        <v>32</v>
      </c>
      <c r="L82" s="3" t="s">
        <v>33</v>
      </c>
      <c r="M82" s="3" t="s">
        <v>67</v>
      </c>
      <c r="N82" s="3" t="s">
        <v>1123</v>
      </c>
      <c r="O82" s="3" t="s">
        <v>36</v>
      </c>
      <c r="P82" s="3" t="s">
        <v>37</v>
      </c>
      <c r="Q82" s="3" t="s">
        <v>37</v>
      </c>
      <c r="R82" s="3" t="s">
        <v>38</v>
      </c>
      <c r="S82" s="3" t="s">
        <v>1124</v>
      </c>
      <c r="T82" s="3" t="s">
        <v>37</v>
      </c>
      <c r="U82" s="3" t="s">
        <v>37</v>
      </c>
      <c r="V82" s="3" t="s">
        <v>37</v>
      </c>
    </row>
    <row r="83" spans="1:22" x14ac:dyDescent="0.25">
      <c r="A83" s="3" t="s">
        <v>853</v>
      </c>
      <c r="B83" s="4" t="s">
        <v>237</v>
      </c>
      <c r="C83" s="3" t="s">
        <v>238</v>
      </c>
      <c r="D83" s="5" t="s">
        <v>1023</v>
      </c>
      <c r="E83" s="3" t="s">
        <v>1018</v>
      </c>
      <c r="F83" s="3" t="s">
        <v>1125</v>
      </c>
      <c r="G83" s="3" t="s">
        <v>121</v>
      </c>
      <c r="H83" s="3" t="s">
        <v>29</v>
      </c>
      <c r="I83" s="3" t="s">
        <v>37</v>
      </c>
      <c r="J83" s="3" t="s">
        <v>1126</v>
      </c>
      <c r="K83" s="3" t="s">
        <v>32</v>
      </c>
      <c r="L83" s="3" t="s">
        <v>37</v>
      </c>
      <c r="M83" s="3" t="s">
        <v>67</v>
      </c>
      <c r="N83" s="3" t="s">
        <v>533</v>
      </c>
      <c r="O83" s="3" t="s">
        <v>36</v>
      </c>
      <c r="P83" s="3" t="s">
        <v>37</v>
      </c>
      <c r="Q83" s="3" t="s">
        <v>37</v>
      </c>
      <c r="R83" s="3" t="s">
        <v>38</v>
      </c>
      <c r="S83" s="3" t="s">
        <v>1127</v>
      </c>
      <c r="T83" s="3" t="s">
        <v>37</v>
      </c>
      <c r="U83" s="3" t="s">
        <v>37</v>
      </c>
      <c r="V83" s="3" t="s">
        <v>37</v>
      </c>
    </row>
    <row r="84" spans="1:22" x14ac:dyDescent="0.25">
      <c r="A84" s="3" t="s">
        <v>853</v>
      </c>
      <c r="B84" s="4" t="s">
        <v>237</v>
      </c>
      <c r="C84" s="3" t="s">
        <v>238</v>
      </c>
      <c r="D84" s="5" t="s">
        <v>498</v>
      </c>
      <c r="E84" s="3" t="s">
        <v>499</v>
      </c>
      <c r="F84" s="3" t="s">
        <v>1128</v>
      </c>
      <c r="G84" s="3" t="s">
        <v>89</v>
      </c>
      <c r="H84" s="3" t="s">
        <v>65</v>
      </c>
      <c r="I84" s="3" t="s">
        <v>1129</v>
      </c>
      <c r="J84" s="3" t="s">
        <v>1130</v>
      </c>
      <c r="K84" s="3" t="s">
        <v>32</v>
      </c>
      <c r="L84" s="3" t="s">
        <v>1031</v>
      </c>
      <c r="M84" s="3" t="s">
        <v>34</v>
      </c>
      <c r="N84" s="3" t="s">
        <v>35</v>
      </c>
      <c r="O84" s="3" t="s">
        <v>179</v>
      </c>
      <c r="P84" s="3" t="s">
        <v>37</v>
      </c>
      <c r="Q84" s="3" t="s">
        <v>37</v>
      </c>
      <c r="R84" s="3" t="s">
        <v>38</v>
      </c>
      <c r="S84" s="3" t="s">
        <v>1131</v>
      </c>
      <c r="T84" s="3" t="s">
        <v>37</v>
      </c>
      <c r="U84" s="3" t="s">
        <v>37</v>
      </c>
      <c r="V84" s="3" t="s">
        <v>37</v>
      </c>
    </row>
    <row r="85" spans="1:22" x14ac:dyDescent="0.25">
      <c r="A85" s="3" t="s">
        <v>853</v>
      </c>
      <c r="B85" s="4" t="s">
        <v>237</v>
      </c>
      <c r="C85" s="3" t="s">
        <v>238</v>
      </c>
      <c r="D85" s="5" t="s">
        <v>1033</v>
      </c>
      <c r="E85" s="3" t="s">
        <v>499</v>
      </c>
      <c r="F85" s="3" t="s">
        <v>1132</v>
      </c>
      <c r="G85" s="3" t="s">
        <v>491</v>
      </c>
      <c r="H85" s="3" t="s">
        <v>65</v>
      </c>
      <c r="I85" s="3" t="s">
        <v>1129</v>
      </c>
      <c r="J85" s="3" t="s">
        <v>1133</v>
      </c>
      <c r="K85" s="3" t="s">
        <v>32</v>
      </c>
      <c r="L85" s="3" t="s">
        <v>1031</v>
      </c>
      <c r="M85" s="3" t="s">
        <v>34</v>
      </c>
      <c r="N85" s="3" t="s">
        <v>35</v>
      </c>
      <c r="O85" s="3" t="s">
        <v>179</v>
      </c>
      <c r="P85" s="3" t="s">
        <v>37</v>
      </c>
      <c r="Q85" s="3" t="s">
        <v>37</v>
      </c>
      <c r="R85" s="3" t="s">
        <v>38</v>
      </c>
      <c r="S85" s="3" t="s">
        <v>1134</v>
      </c>
      <c r="T85" s="3" t="s">
        <v>37</v>
      </c>
      <c r="U85" s="3" t="s">
        <v>37</v>
      </c>
      <c r="V85" s="3" t="s">
        <v>37</v>
      </c>
    </row>
    <row r="86" spans="1:22" x14ac:dyDescent="0.25">
      <c r="A86" s="3" t="s">
        <v>853</v>
      </c>
      <c r="B86" s="4" t="s">
        <v>237</v>
      </c>
      <c r="C86" s="3" t="s">
        <v>238</v>
      </c>
      <c r="D86" s="5" t="s">
        <v>212</v>
      </c>
      <c r="E86" s="3" t="s">
        <v>499</v>
      </c>
      <c r="F86" s="3" t="s">
        <v>1135</v>
      </c>
      <c r="G86" s="3" t="s">
        <v>410</v>
      </c>
      <c r="H86" s="3" t="s">
        <v>65</v>
      </c>
      <c r="I86" s="3" t="s">
        <v>1129</v>
      </c>
      <c r="J86" s="3" t="s">
        <v>1136</v>
      </c>
      <c r="K86" s="3" t="s">
        <v>32</v>
      </c>
      <c r="L86" s="3" t="s">
        <v>1031</v>
      </c>
      <c r="M86" s="3" t="s">
        <v>34</v>
      </c>
      <c r="N86" s="3" t="s">
        <v>35</v>
      </c>
      <c r="O86" s="3" t="s">
        <v>179</v>
      </c>
      <c r="P86" s="3" t="s">
        <v>37</v>
      </c>
      <c r="Q86" s="3" t="s">
        <v>37</v>
      </c>
      <c r="R86" s="3" t="s">
        <v>38</v>
      </c>
      <c r="S86" s="3" t="s">
        <v>1137</v>
      </c>
      <c r="T86" s="3" t="s">
        <v>37</v>
      </c>
      <c r="U86" s="3" t="s">
        <v>37</v>
      </c>
      <c r="V86" s="3" t="s">
        <v>37</v>
      </c>
    </row>
    <row r="87" spans="1:22" x14ac:dyDescent="0.25">
      <c r="A87" s="3" t="s">
        <v>853</v>
      </c>
      <c r="B87" s="4" t="s">
        <v>237</v>
      </c>
      <c r="C87" s="3" t="s">
        <v>238</v>
      </c>
      <c r="D87" s="5" t="s">
        <v>373</v>
      </c>
      <c r="E87" s="3" t="s">
        <v>866</v>
      </c>
      <c r="F87" s="3" t="s">
        <v>1138</v>
      </c>
      <c r="G87" s="3" t="s">
        <v>99</v>
      </c>
      <c r="H87" s="3" t="s">
        <v>65</v>
      </c>
      <c r="I87" s="3" t="s">
        <v>868</v>
      </c>
      <c r="J87" s="3" t="s">
        <v>1139</v>
      </c>
      <c r="K87" s="3" t="s">
        <v>32</v>
      </c>
      <c r="L87" s="3" t="s">
        <v>33</v>
      </c>
      <c r="M87" s="3" t="s">
        <v>34</v>
      </c>
      <c r="N87" s="3" t="s">
        <v>52</v>
      </c>
      <c r="O87" s="3" t="s">
        <v>53</v>
      </c>
      <c r="P87" s="3" t="s">
        <v>37</v>
      </c>
      <c r="Q87" s="3" t="s">
        <v>37</v>
      </c>
      <c r="R87" s="3" t="s">
        <v>38</v>
      </c>
      <c r="S87" s="3" t="s">
        <v>1140</v>
      </c>
      <c r="T87" s="3" t="s">
        <v>37</v>
      </c>
      <c r="U87" s="3" t="s">
        <v>37</v>
      </c>
      <c r="V87" s="3" t="s">
        <v>37</v>
      </c>
    </row>
    <row r="88" spans="1:22" x14ac:dyDescent="0.25">
      <c r="A88" s="3" t="s">
        <v>853</v>
      </c>
      <c r="B88" s="4" t="s">
        <v>237</v>
      </c>
      <c r="C88" s="3" t="s">
        <v>238</v>
      </c>
      <c r="D88" s="5" t="s">
        <v>221</v>
      </c>
      <c r="E88" s="3" t="s">
        <v>866</v>
      </c>
      <c r="F88" s="3" t="s">
        <v>1141</v>
      </c>
      <c r="G88" s="3" t="s">
        <v>491</v>
      </c>
      <c r="H88" s="3" t="s">
        <v>65</v>
      </c>
      <c r="I88" s="3" t="s">
        <v>868</v>
      </c>
      <c r="J88" s="3" t="s">
        <v>1142</v>
      </c>
      <c r="K88" s="3" t="s">
        <v>32</v>
      </c>
      <c r="L88" s="3" t="s">
        <v>33</v>
      </c>
      <c r="M88" s="3" t="s">
        <v>34</v>
      </c>
      <c r="N88" s="3" t="s">
        <v>52</v>
      </c>
      <c r="O88" s="3" t="s">
        <v>53</v>
      </c>
      <c r="P88" s="3" t="s">
        <v>37</v>
      </c>
      <c r="Q88" s="3" t="s">
        <v>37</v>
      </c>
      <c r="R88" s="3" t="s">
        <v>38</v>
      </c>
      <c r="S88" s="3" t="s">
        <v>1143</v>
      </c>
      <c r="T88" s="3" t="s">
        <v>37</v>
      </c>
      <c r="U88" s="3" t="s">
        <v>37</v>
      </c>
      <c r="V88" s="3" t="s">
        <v>37</v>
      </c>
    </row>
    <row r="89" spans="1:22" x14ac:dyDescent="0.25">
      <c r="A89" s="3" t="s">
        <v>853</v>
      </c>
      <c r="B89" s="4" t="s">
        <v>237</v>
      </c>
      <c r="C89" s="3" t="s">
        <v>238</v>
      </c>
      <c r="D89" s="5" t="s">
        <v>1047</v>
      </c>
      <c r="E89" s="3" t="s">
        <v>866</v>
      </c>
      <c r="F89" s="3" t="s">
        <v>1144</v>
      </c>
      <c r="G89" s="3" t="s">
        <v>293</v>
      </c>
      <c r="H89" s="3" t="s">
        <v>65</v>
      </c>
      <c r="I89" s="3" t="s">
        <v>868</v>
      </c>
      <c r="J89" s="3" t="s">
        <v>1145</v>
      </c>
      <c r="K89" s="3" t="s">
        <v>32</v>
      </c>
      <c r="L89" s="3" t="s">
        <v>33</v>
      </c>
      <c r="M89" s="3" t="s">
        <v>34</v>
      </c>
      <c r="N89" s="3" t="s">
        <v>52</v>
      </c>
      <c r="O89" s="3" t="s">
        <v>53</v>
      </c>
      <c r="P89" s="3" t="s">
        <v>37</v>
      </c>
      <c r="Q89" s="3" t="s">
        <v>37</v>
      </c>
      <c r="R89" s="3" t="s">
        <v>38</v>
      </c>
      <c r="S89" s="3" t="s">
        <v>1146</v>
      </c>
      <c r="T89" s="3" t="s">
        <v>37</v>
      </c>
      <c r="U89" s="3" t="s">
        <v>37</v>
      </c>
      <c r="V89" s="3" t="s">
        <v>37</v>
      </c>
    </row>
    <row r="90" spans="1:22" x14ac:dyDescent="0.25">
      <c r="A90" s="3" t="s">
        <v>853</v>
      </c>
      <c r="B90" s="4" t="s">
        <v>237</v>
      </c>
      <c r="C90" s="3" t="s">
        <v>238</v>
      </c>
      <c r="D90" s="5" t="s">
        <v>226</v>
      </c>
      <c r="E90" s="3" t="s">
        <v>866</v>
      </c>
      <c r="F90" s="3" t="s">
        <v>1147</v>
      </c>
      <c r="G90" s="3" t="s">
        <v>204</v>
      </c>
      <c r="H90" s="3" t="s">
        <v>65</v>
      </c>
      <c r="I90" s="3" t="s">
        <v>868</v>
      </c>
      <c r="J90" s="3" t="s">
        <v>1148</v>
      </c>
      <c r="K90" s="3" t="s">
        <v>32</v>
      </c>
      <c r="L90" s="3" t="s">
        <v>33</v>
      </c>
      <c r="M90" s="3" t="s">
        <v>34</v>
      </c>
      <c r="N90" s="3" t="s">
        <v>52</v>
      </c>
      <c r="O90" s="3" t="s">
        <v>53</v>
      </c>
      <c r="P90" s="3" t="s">
        <v>37</v>
      </c>
      <c r="Q90" s="3" t="s">
        <v>37</v>
      </c>
      <c r="R90" s="3" t="s">
        <v>38</v>
      </c>
      <c r="S90" s="3" t="s">
        <v>1149</v>
      </c>
      <c r="T90" s="3" t="s">
        <v>37</v>
      </c>
      <c r="U90" s="3" t="s">
        <v>37</v>
      </c>
      <c r="V90" s="3" t="s">
        <v>37</v>
      </c>
    </row>
    <row r="91" spans="1:22" x14ac:dyDescent="0.25">
      <c r="A91" s="3" t="s">
        <v>853</v>
      </c>
      <c r="B91" s="4" t="s">
        <v>237</v>
      </c>
      <c r="C91" s="3" t="s">
        <v>238</v>
      </c>
      <c r="D91" s="5" t="s">
        <v>1054</v>
      </c>
      <c r="E91" s="3" t="s">
        <v>499</v>
      </c>
      <c r="F91" s="3" t="s">
        <v>1150</v>
      </c>
      <c r="G91" s="3" t="s">
        <v>64</v>
      </c>
      <c r="H91" s="3" t="s">
        <v>65</v>
      </c>
      <c r="I91" s="3" t="s">
        <v>1029</v>
      </c>
      <c r="J91" s="3" t="s">
        <v>1151</v>
      </c>
      <c r="K91" s="3" t="s">
        <v>32</v>
      </c>
      <c r="L91" s="3" t="s">
        <v>1031</v>
      </c>
      <c r="M91" s="3" t="s">
        <v>34</v>
      </c>
      <c r="N91" s="3" t="s">
        <v>35</v>
      </c>
      <c r="O91" s="3" t="s">
        <v>179</v>
      </c>
      <c r="P91" s="3" t="s">
        <v>37</v>
      </c>
      <c r="Q91" s="3" t="s">
        <v>37</v>
      </c>
      <c r="R91" s="3" t="s">
        <v>38</v>
      </c>
      <c r="S91" s="3" t="s">
        <v>1152</v>
      </c>
      <c r="T91" s="3" t="s">
        <v>37</v>
      </c>
      <c r="U91" s="3" t="s">
        <v>37</v>
      </c>
      <c r="V91" s="3" t="s">
        <v>37</v>
      </c>
    </row>
    <row r="92" spans="1:22" x14ac:dyDescent="0.25">
      <c r="A92" s="3"/>
      <c r="B92" s="4"/>
      <c r="C92" s="3"/>
      <c r="D92" s="5"/>
      <c r="E92" s="6" t="s">
        <v>1055</v>
      </c>
      <c r="F92" s="3"/>
      <c r="G92" s="3"/>
      <c r="H92" s="3"/>
      <c r="I92" s="3"/>
      <c r="J92" s="3"/>
      <c r="K92" s="3"/>
      <c r="L92" s="3"/>
      <c r="M92" s="3"/>
      <c r="N92" s="3"/>
      <c r="O92" s="3"/>
      <c r="P92" s="3"/>
      <c r="Q92" s="3"/>
      <c r="R92" s="3"/>
      <c r="S92" s="3"/>
      <c r="T92" s="3"/>
      <c r="U92" s="3"/>
      <c r="V92" s="3"/>
    </row>
    <row r="93" spans="1:22" x14ac:dyDescent="0.25">
      <c r="A93" s="3"/>
      <c r="B93" s="4"/>
      <c r="C93" s="3"/>
      <c r="D93" s="5"/>
      <c r="E93" s="3"/>
      <c r="F93" s="3"/>
      <c r="G93" s="3"/>
      <c r="H93" s="3"/>
      <c r="I93" s="3"/>
      <c r="J93" s="3"/>
      <c r="K93" s="3"/>
      <c r="L93" s="3"/>
      <c r="M93" s="3"/>
      <c r="N93" s="3"/>
      <c r="O93" s="3"/>
      <c r="P93" s="3"/>
      <c r="Q93" s="3"/>
      <c r="R93" s="3"/>
      <c r="S93" s="3"/>
      <c r="T93" s="3"/>
      <c r="U93" s="3"/>
      <c r="V93" s="3"/>
    </row>
    <row r="94" spans="1:22" x14ac:dyDescent="0.25">
      <c r="A94" s="3" t="s">
        <v>853</v>
      </c>
      <c r="B94" s="4" t="s">
        <v>394</v>
      </c>
      <c r="C94" s="3" t="s">
        <v>395</v>
      </c>
      <c r="D94" s="5" t="s">
        <v>25</v>
      </c>
      <c r="E94" s="3" t="s">
        <v>854</v>
      </c>
      <c r="F94" s="3" t="s">
        <v>1153</v>
      </c>
      <c r="G94" s="3" t="s">
        <v>1154</v>
      </c>
      <c r="H94" s="3" t="s">
        <v>49</v>
      </c>
      <c r="I94" s="3" t="s">
        <v>1155</v>
      </c>
      <c r="J94" s="3" t="s">
        <v>1156</v>
      </c>
      <c r="K94" s="3" t="s">
        <v>32</v>
      </c>
      <c r="L94" s="3" t="s">
        <v>33</v>
      </c>
      <c r="M94" s="3" t="s">
        <v>67</v>
      </c>
      <c r="N94" s="3" t="s">
        <v>858</v>
      </c>
      <c r="O94" s="3" t="s">
        <v>179</v>
      </c>
      <c r="P94" s="3" t="s">
        <v>37</v>
      </c>
      <c r="Q94" s="3" t="s">
        <v>37</v>
      </c>
      <c r="R94" s="3" t="s">
        <v>38</v>
      </c>
      <c r="S94" s="3" t="s">
        <v>1157</v>
      </c>
      <c r="T94" s="3" t="s">
        <v>37</v>
      </c>
      <c r="U94" s="3" t="s">
        <v>37</v>
      </c>
      <c r="V94" s="3" t="s">
        <v>37</v>
      </c>
    </row>
    <row r="95" spans="1:22" x14ac:dyDescent="0.25">
      <c r="A95" s="3" t="s">
        <v>853</v>
      </c>
      <c r="B95" s="4" t="s">
        <v>394</v>
      </c>
      <c r="C95" s="3" t="s">
        <v>395</v>
      </c>
      <c r="D95" s="5" t="s">
        <v>860</v>
      </c>
      <c r="E95" s="3" t="s">
        <v>854</v>
      </c>
      <c r="F95" s="3" t="s">
        <v>1158</v>
      </c>
      <c r="G95" s="3" t="s">
        <v>1159</v>
      </c>
      <c r="H95" s="3" t="s">
        <v>49</v>
      </c>
      <c r="I95" s="3" t="s">
        <v>863</v>
      </c>
      <c r="J95" s="3" t="s">
        <v>1160</v>
      </c>
      <c r="K95" s="3" t="s">
        <v>32</v>
      </c>
      <c r="L95" s="3" t="s">
        <v>33</v>
      </c>
      <c r="M95" s="3" t="s">
        <v>67</v>
      </c>
      <c r="N95" s="3" t="s">
        <v>858</v>
      </c>
      <c r="O95" s="3" t="s">
        <v>179</v>
      </c>
      <c r="P95" s="3" t="s">
        <v>37</v>
      </c>
      <c r="Q95" s="3" t="s">
        <v>37</v>
      </c>
      <c r="R95" s="3" t="s">
        <v>38</v>
      </c>
      <c r="S95" s="3" t="s">
        <v>1161</v>
      </c>
      <c r="T95" s="3" t="s">
        <v>37</v>
      </c>
      <c r="U95" s="3" t="s">
        <v>37</v>
      </c>
      <c r="V95" s="3" t="s">
        <v>37</v>
      </c>
    </row>
    <row r="96" spans="1:22" x14ac:dyDescent="0.25">
      <c r="A96" s="3" t="s">
        <v>853</v>
      </c>
      <c r="B96" s="4" t="s">
        <v>394</v>
      </c>
      <c r="C96" s="3" t="s">
        <v>395</v>
      </c>
      <c r="D96" s="5" t="s">
        <v>45</v>
      </c>
      <c r="E96" s="3" t="s">
        <v>877</v>
      </c>
      <c r="F96" s="3" t="s">
        <v>1162</v>
      </c>
      <c r="G96" s="3" t="s">
        <v>278</v>
      </c>
      <c r="H96" s="3" t="s">
        <v>65</v>
      </c>
      <c r="I96" s="3" t="s">
        <v>931</v>
      </c>
      <c r="J96" s="8" t="s">
        <v>968</v>
      </c>
      <c r="K96" s="3" t="s">
        <v>32</v>
      </c>
      <c r="L96" s="3" t="s">
        <v>33</v>
      </c>
      <c r="M96" s="3" t="s">
        <v>881</v>
      </c>
      <c r="N96" s="3" t="s">
        <v>74</v>
      </c>
      <c r="O96" s="3" t="s">
        <v>143</v>
      </c>
      <c r="P96" s="3" t="s">
        <v>37</v>
      </c>
      <c r="Q96" s="3" t="s">
        <v>37</v>
      </c>
      <c r="R96" s="3" t="s">
        <v>38</v>
      </c>
      <c r="S96" s="3" t="s">
        <v>1163</v>
      </c>
      <c r="T96" s="3" t="s">
        <v>37</v>
      </c>
      <c r="U96" s="3" t="s">
        <v>37</v>
      </c>
      <c r="V96" s="3" t="s">
        <v>37</v>
      </c>
    </row>
    <row r="97" spans="1:22" x14ac:dyDescent="0.25">
      <c r="A97" s="3" t="s">
        <v>853</v>
      </c>
      <c r="B97" s="4" t="s">
        <v>394</v>
      </c>
      <c r="C97" s="3" t="s">
        <v>395</v>
      </c>
      <c r="D97" s="5" t="s">
        <v>1164</v>
      </c>
      <c r="E97" s="3" t="s">
        <v>877</v>
      </c>
      <c r="F97" s="3" t="s">
        <v>1165</v>
      </c>
      <c r="G97" s="3" t="s">
        <v>491</v>
      </c>
      <c r="H97" s="3" t="s">
        <v>65</v>
      </c>
      <c r="I97" s="3" t="s">
        <v>931</v>
      </c>
      <c r="J97" s="3" t="s">
        <v>1166</v>
      </c>
      <c r="K97" s="3" t="s">
        <v>32</v>
      </c>
      <c r="L97" s="3" t="s">
        <v>33</v>
      </c>
      <c r="M97" s="3" t="s">
        <v>881</v>
      </c>
      <c r="N97" s="3" t="s">
        <v>74</v>
      </c>
      <c r="O97" s="3" t="s">
        <v>143</v>
      </c>
      <c r="P97" s="3" t="s">
        <v>37</v>
      </c>
      <c r="Q97" s="3" t="s">
        <v>37</v>
      </c>
      <c r="R97" s="3" t="s">
        <v>38</v>
      </c>
      <c r="S97" s="3" t="s">
        <v>1167</v>
      </c>
      <c r="T97" s="3" t="s">
        <v>37</v>
      </c>
      <c r="U97" s="3" t="s">
        <v>37</v>
      </c>
      <c r="V97" s="3" t="s">
        <v>37</v>
      </c>
    </row>
    <row r="98" spans="1:22" x14ac:dyDescent="0.25">
      <c r="A98" s="3" t="s">
        <v>853</v>
      </c>
      <c r="B98" s="4" t="s">
        <v>394</v>
      </c>
      <c r="C98" s="3" t="s">
        <v>395</v>
      </c>
      <c r="D98" s="5" t="s">
        <v>1168</v>
      </c>
      <c r="E98" s="3" t="s">
        <v>877</v>
      </c>
      <c r="F98" s="3" t="s">
        <v>1169</v>
      </c>
      <c r="G98" s="3" t="s">
        <v>204</v>
      </c>
      <c r="H98" s="3" t="s">
        <v>65</v>
      </c>
      <c r="I98" s="3" t="s">
        <v>931</v>
      </c>
      <c r="J98" s="3" t="s">
        <v>1170</v>
      </c>
      <c r="K98" s="3" t="s">
        <v>32</v>
      </c>
      <c r="L98" s="3" t="s">
        <v>33</v>
      </c>
      <c r="M98" s="3" t="s">
        <v>881</v>
      </c>
      <c r="N98" s="3" t="s">
        <v>74</v>
      </c>
      <c r="O98" s="3" t="s">
        <v>143</v>
      </c>
      <c r="P98" s="3" t="s">
        <v>37</v>
      </c>
      <c r="Q98" s="3" t="s">
        <v>37</v>
      </c>
      <c r="R98" s="3" t="s">
        <v>38</v>
      </c>
      <c r="S98" s="3" t="s">
        <v>1171</v>
      </c>
      <c r="T98" s="3" t="s">
        <v>37</v>
      </c>
      <c r="U98" s="3" t="s">
        <v>37</v>
      </c>
      <c r="V98" s="3" t="s">
        <v>37</v>
      </c>
    </row>
    <row r="99" spans="1:22" x14ac:dyDescent="0.25">
      <c r="A99" s="3" t="s">
        <v>853</v>
      </c>
      <c r="B99" s="4" t="s">
        <v>394</v>
      </c>
      <c r="C99" s="3" t="s">
        <v>395</v>
      </c>
      <c r="D99" s="5" t="s">
        <v>871</v>
      </c>
      <c r="E99" s="3" t="s">
        <v>877</v>
      </c>
      <c r="F99" s="3" t="s">
        <v>1172</v>
      </c>
      <c r="G99" s="3" t="s">
        <v>495</v>
      </c>
      <c r="H99" s="3" t="s">
        <v>65</v>
      </c>
      <c r="I99" s="3" t="s">
        <v>879</v>
      </c>
      <c r="J99" s="3" t="s">
        <v>1173</v>
      </c>
      <c r="K99" s="3" t="s">
        <v>32</v>
      </c>
      <c r="L99" s="3" t="s">
        <v>33</v>
      </c>
      <c r="M99" s="3" t="s">
        <v>881</v>
      </c>
      <c r="N99" s="3" t="s">
        <v>74</v>
      </c>
      <c r="O99" s="3" t="s">
        <v>143</v>
      </c>
      <c r="P99" s="3" t="s">
        <v>37</v>
      </c>
      <c r="Q99" s="3" t="s">
        <v>37</v>
      </c>
      <c r="R99" s="3" t="s">
        <v>38</v>
      </c>
      <c r="S99" s="3" t="s">
        <v>1174</v>
      </c>
      <c r="T99" s="3" t="s">
        <v>37</v>
      </c>
      <c r="U99" s="3" t="s">
        <v>37</v>
      </c>
      <c r="V99" s="3" t="s">
        <v>37</v>
      </c>
    </row>
    <row r="100" spans="1:22" x14ac:dyDescent="0.25">
      <c r="A100" s="3" t="s">
        <v>853</v>
      </c>
      <c r="B100" s="4" t="s">
        <v>394</v>
      </c>
      <c r="C100" s="3" t="s">
        <v>395</v>
      </c>
      <c r="D100" s="5" t="s">
        <v>627</v>
      </c>
      <c r="E100" s="3" t="s">
        <v>877</v>
      </c>
      <c r="F100" s="3" t="s">
        <v>986</v>
      </c>
      <c r="G100" s="3" t="s">
        <v>139</v>
      </c>
      <c r="H100" s="3" t="s">
        <v>65</v>
      </c>
      <c r="I100" s="3" t="s">
        <v>879</v>
      </c>
      <c r="J100" s="8" t="s">
        <v>968</v>
      </c>
      <c r="K100" s="3" t="s">
        <v>32</v>
      </c>
      <c r="L100" s="3" t="s">
        <v>33</v>
      </c>
      <c r="M100" s="3" t="s">
        <v>881</v>
      </c>
      <c r="N100" s="3" t="s">
        <v>74</v>
      </c>
      <c r="O100" s="3" t="s">
        <v>143</v>
      </c>
      <c r="P100" s="3" t="s">
        <v>37</v>
      </c>
      <c r="Q100" s="3" t="s">
        <v>37</v>
      </c>
      <c r="R100" s="3" t="s">
        <v>38</v>
      </c>
      <c r="S100" s="3" t="s">
        <v>987</v>
      </c>
      <c r="T100" s="3" t="s">
        <v>37</v>
      </c>
      <c r="U100" s="3" t="s">
        <v>37</v>
      </c>
      <c r="V100" s="3" t="s">
        <v>37</v>
      </c>
    </row>
    <row r="101" spans="1:22" x14ac:dyDescent="0.25">
      <c r="A101" s="3" t="s">
        <v>853</v>
      </c>
      <c r="B101" s="4" t="s">
        <v>394</v>
      </c>
      <c r="C101" s="3" t="s">
        <v>395</v>
      </c>
      <c r="D101" s="5" t="s">
        <v>408</v>
      </c>
      <c r="E101" s="3" t="s">
        <v>877</v>
      </c>
      <c r="F101" s="3" t="s">
        <v>1175</v>
      </c>
      <c r="G101" s="3" t="s">
        <v>64</v>
      </c>
      <c r="H101" s="3" t="s">
        <v>65</v>
      </c>
      <c r="I101" s="3" t="s">
        <v>879</v>
      </c>
      <c r="J101" s="3" t="s">
        <v>1176</v>
      </c>
      <c r="K101" s="3" t="s">
        <v>32</v>
      </c>
      <c r="L101" s="3" t="s">
        <v>33</v>
      </c>
      <c r="M101" s="3" t="s">
        <v>881</v>
      </c>
      <c r="N101" s="3" t="s">
        <v>74</v>
      </c>
      <c r="O101" s="3" t="s">
        <v>143</v>
      </c>
      <c r="P101" s="3" t="s">
        <v>37</v>
      </c>
      <c r="Q101" s="3" t="s">
        <v>37</v>
      </c>
      <c r="R101" s="3" t="s">
        <v>38</v>
      </c>
      <c r="S101" s="3" t="s">
        <v>1177</v>
      </c>
      <c r="T101" s="3" t="s">
        <v>37</v>
      </c>
      <c r="U101" s="3" t="s">
        <v>37</v>
      </c>
      <c r="V101" s="3" t="s">
        <v>37</v>
      </c>
    </row>
    <row r="102" spans="1:22" x14ac:dyDescent="0.25">
      <c r="A102" s="3" t="s">
        <v>853</v>
      </c>
      <c r="B102" s="4" t="s">
        <v>394</v>
      </c>
      <c r="C102" s="3" t="s">
        <v>395</v>
      </c>
      <c r="D102" s="5" t="s">
        <v>876</v>
      </c>
      <c r="E102" s="3" t="s">
        <v>499</v>
      </c>
      <c r="F102" s="3" t="s">
        <v>1178</v>
      </c>
      <c r="G102" s="3" t="s">
        <v>166</v>
      </c>
      <c r="H102" s="3" t="s">
        <v>29</v>
      </c>
      <c r="I102" s="3" t="s">
        <v>502</v>
      </c>
      <c r="J102" s="3" t="s">
        <v>1179</v>
      </c>
      <c r="K102" s="3" t="s">
        <v>32</v>
      </c>
      <c r="L102" s="3" t="s">
        <v>33</v>
      </c>
      <c r="M102" s="3" t="s">
        <v>34</v>
      </c>
      <c r="N102" s="3" t="s">
        <v>142</v>
      </c>
      <c r="O102" s="3" t="s">
        <v>179</v>
      </c>
      <c r="P102" s="3" t="s">
        <v>37</v>
      </c>
      <c r="Q102" s="3" t="s">
        <v>37</v>
      </c>
      <c r="R102" s="3" t="s">
        <v>38</v>
      </c>
      <c r="S102" s="3" t="s">
        <v>1180</v>
      </c>
      <c r="T102" s="3" t="s">
        <v>37</v>
      </c>
      <c r="U102" s="3" t="s">
        <v>37</v>
      </c>
      <c r="V102" s="3" t="s">
        <v>37</v>
      </c>
    </row>
    <row r="103" spans="1:22" x14ac:dyDescent="0.25">
      <c r="A103" s="3" t="s">
        <v>853</v>
      </c>
      <c r="B103" s="4" t="s">
        <v>394</v>
      </c>
      <c r="C103" s="3" t="s">
        <v>395</v>
      </c>
      <c r="D103" s="5" t="s">
        <v>891</v>
      </c>
      <c r="E103" s="3" t="s">
        <v>872</v>
      </c>
      <c r="F103" s="3" t="s">
        <v>1181</v>
      </c>
      <c r="G103" s="3" t="s">
        <v>582</v>
      </c>
      <c r="H103" s="3" t="s">
        <v>65</v>
      </c>
      <c r="I103" s="3" t="s">
        <v>37</v>
      </c>
      <c r="J103" s="3" t="s">
        <v>1182</v>
      </c>
      <c r="K103" s="3" t="s">
        <v>32</v>
      </c>
      <c r="L103" s="3" t="s">
        <v>33</v>
      </c>
      <c r="M103" s="3" t="s">
        <v>67</v>
      </c>
      <c r="N103" s="3" t="s">
        <v>52</v>
      </c>
      <c r="O103" s="3" t="s">
        <v>53</v>
      </c>
      <c r="P103" s="3" t="s">
        <v>37</v>
      </c>
      <c r="Q103" s="3" t="s">
        <v>37</v>
      </c>
      <c r="R103" s="3" t="s">
        <v>38</v>
      </c>
      <c r="S103" s="3" t="s">
        <v>1183</v>
      </c>
      <c r="T103" s="3" t="s">
        <v>37</v>
      </c>
      <c r="U103" s="3" t="s">
        <v>37</v>
      </c>
      <c r="V103" s="3" t="s">
        <v>37</v>
      </c>
    </row>
    <row r="104" spans="1:22" x14ac:dyDescent="0.25">
      <c r="A104" s="3" t="s">
        <v>853</v>
      </c>
      <c r="B104" s="4" t="s">
        <v>394</v>
      </c>
      <c r="C104" s="3" t="s">
        <v>395</v>
      </c>
      <c r="D104" s="5" t="s">
        <v>902</v>
      </c>
      <c r="E104" s="3" t="s">
        <v>1184</v>
      </c>
      <c r="F104" s="3" t="s">
        <v>37</v>
      </c>
      <c r="G104" s="3">
        <v>1</v>
      </c>
      <c r="H104" s="3">
        <v>0</v>
      </c>
      <c r="I104" s="3" t="s">
        <v>1185</v>
      </c>
      <c r="J104" s="3" t="s">
        <v>1186</v>
      </c>
      <c r="K104" s="3" t="s">
        <v>1009</v>
      </c>
      <c r="L104" s="3" t="s">
        <v>33</v>
      </c>
      <c r="M104" s="3" t="s">
        <v>67</v>
      </c>
      <c r="N104" s="3" t="s">
        <v>1123</v>
      </c>
      <c r="O104" s="3" t="s">
        <v>850</v>
      </c>
      <c r="P104" s="3" t="s">
        <v>37</v>
      </c>
      <c r="Q104" s="3" t="s">
        <v>37</v>
      </c>
      <c r="R104" s="3" t="s">
        <v>38</v>
      </c>
      <c r="S104" s="3" t="s">
        <v>1187</v>
      </c>
      <c r="T104" s="3" t="s">
        <v>37</v>
      </c>
      <c r="U104" s="3" t="s">
        <v>37</v>
      </c>
      <c r="V104" s="3" t="s">
        <v>37</v>
      </c>
    </row>
    <row r="105" spans="1:22" x14ac:dyDescent="0.25">
      <c r="A105" s="3" t="s">
        <v>853</v>
      </c>
      <c r="B105" s="4" t="s">
        <v>394</v>
      </c>
      <c r="C105" s="3" t="s">
        <v>395</v>
      </c>
      <c r="D105" s="5" t="s">
        <v>910</v>
      </c>
      <c r="E105" s="3" t="s">
        <v>872</v>
      </c>
      <c r="F105" s="3" t="s">
        <v>1188</v>
      </c>
      <c r="G105" s="3" t="s">
        <v>379</v>
      </c>
      <c r="H105" s="3" t="s">
        <v>65</v>
      </c>
      <c r="I105" s="3" t="s">
        <v>37</v>
      </c>
      <c r="J105" s="3" t="s">
        <v>1189</v>
      </c>
      <c r="K105" s="3" t="s">
        <v>32</v>
      </c>
      <c r="L105" s="3" t="s">
        <v>33</v>
      </c>
      <c r="M105" s="3" t="s">
        <v>67</v>
      </c>
      <c r="N105" s="3" t="s">
        <v>52</v>
      </c>
      <c r="O105" s="3" t="s">
        <v>53</v>
      </c>
      <c r="P105" s="3" t="s">
        <v>37</v>
      </c>
      <c r="Q105" s="3" t="s">
        <v>37</v>
      </c>
      <c r="R105" s="3" t="s">
        <v>38</v>
      </c>
      <c r="S105" s="3" t="s">
        <v>1190</v>
      </c>
      <c r="T105" s="3" t="s">
        <v>37</v>
      </c>
      <c r="U105" s="3" t="s">
        <v>37</v>
      </c>
      <c r="V105" s="3" t="s">
        <v>37</v>
      </c>
    </row>
    <row r="106" spans="1:22" x14ac:dyDescent="0.25">
      <c r="A106" s="3" t="s">
        <v>853</v>
      </c>
      <c r="B106" s="4" t="s">
        <v>394</v>
      </c>
      <c r="C106" s="3" t="s">
        <v>395</v>
      </c>
      <c r="D106" s="5" t="s">
        <v>914</v>
      </c>
      <c r="E106" s="3" t="s">
        <v>872</v>
      </c>
      <c r="F106" s="3" t="s">
        <v>911</v>
      </c>
      <c r="G106" s="3" t="s">
        <v>99</v>
      </c>
      <c r="H106" s="3" t="s">
        <v>65</v>
      </c>
      <c r="I106" s="3" t="s">
        <v>37</v>
      </c>
      <c r="J106" s="3" t="s">
        <v>912</v>
      </c>
      <c r="K106" s="3" t="s">
        <v>32</v>
      </c>
      <c r="L106" s="3" t="s">
        <v>33</v>
      </c>
      <c r="M106" s="3" t="s">
        <v>67</v>
      </c>
      <c r="N106" s="3" t="s">
        <v>52</v>
      </c>
      <c r="O106" s="3" t="s">
        <v>53</v>
      </c>
      <c r="P106" s="3" t="s">
        <v>37</v>
      </c>
      <c r="Q106" s="3" t="s">
        <v>37</v>
      </c>
      <c r="R106" s="3" t="s">
        <v>38</v>
      </c>
      <c r="S106" s="3" t="s">
        <v>913</v>
      </c>
      <c r="T106" s="3" t="s">
        <v>37</v>
      </c>
      <c r="U106" s="3" t="s">
        <v>37</v>
      </c>
      <c r="V106" s="3" t="s">
        <v>37</v>
      </c>
    </row>
    <row r="107" spans="1:22" x14ac:dyDescent="0.25">
      <c r="A107" s="3" t="s">
        <v>853</v>
      </c>
      <c r="B107" s="4" t="s">
        <v>394</v>
      </c>
      <c r="C107" s="3" t="s">
        <v>395</v>
      </c>
      <c r="D107" s="5" t="s">
        <v>102</v>
      </c>
      <c r="E107" s="3" t="s">
        <v>872</v>
      </c>
      <c r="F107" s="3" t="s">
        <v>1191</v>
      </c>
      <c r="G107" s="3" t="s">
        <v>546</v>
      </c>
      <c r="H107" s="3" t="s">
        <v>65</v>
      </c>
      <c r="I107" s="3" t="s">
        <v>37</v>
      </c>
      <c r="J107" s="3" t="s">
        <v>1192</v>
      </c>
      <c r="K107" s="3" t="s">
        <v>32</v>
      </c>
      <c r="L107" s="3" t="s">
        <v>33</v>
      </c>
      <c r="M107" s="3" t="s">
        <v>67</v>
      </c>
      <c r="N107" s="3" t="s">
        <v>52</v>
      </c>
      <c r="O107" s="3" t="s">
        <v>53</v>
      </c>
      <c r="P107" s="3" t="s">
        <v>37</v>
      </c>
      <c r="Q107" s="3" t="s">
        <v>37</v>
      </c>
      <c r="R107" s="3" t="s">
        <v>38</v>
      </c>
      <c r="S107" s="3" t="s">
        <v>1193</v>
      </c>
      <c r="T107" s="3" t="s">
        <v>37</v>
      </c>
      <c r="U107" s="3" t="s">
        <v>37</v>
      </c>
      <c r="V107" s="3" t="s">
        <v>37</v>
      </c>
    </row>
    <row r="108" spans="1:22" x14ac:dyDescent="0.25">
      <c r="A108" s="3" t="s">
        <v>853</v>
      </c>
      <c r="B108" s="4" t="s">
        <v>394</v>
      </c>
      <c r="C108" s="3" t="s">
        <v>395</v>
      </c>
      <c r="D108" s="5" t="s">
        <v>1194</v>
      </c>
      <c r="E108" s="3" t="s">
        <v>872</v>
      </c>
      <c r="F108" s="3" t="s">
        <v>1195</v>
      </c>
      <c r="G108" s="3" t="s">
        <v>194</v>
      </c>
      <c r="H108" s="3" t="s">
        <v>65</v>
      </c>
      <c r="I108" s="3" t="s">
        <v>37</v>
      </c>
      <c r="J108" s="3" t="s">
        <v>1196</v>
      </c>
      <c r="K108" s="3" t="s">
        <v>32</v>
      </c>
      <c r="L108" s="3" t="s">
        <v>33</v>
      </c>
      <c r="M108" s="3" t="s">
        <v>67</v>
      </c>
      <c r="N108" s="3" t="s">
        <v>52</v>
      </c>
      <c r="O108" s="3" t="s">
        <v>53</v>
      </c>
      <c r="P108" s="3" t="s">
        <v>37</v>
      </c>
      <c r="Q108" s="3" t="s">
        <v>37</v>
      </c>
      <c r="R108" s="3" t="s">
        <v>38</v>
      </c>
      <c r="S108" s="3" t="s">
        <v>1197</v>
      </c>
      <c r="T108" s="3" t="s">
        <v>37</v>
      </c>
      <c r="U108" s="3" t="s">
        <v>37</v>
      </c>
      <c r="V108" s="3" t="s">
        <v>37</v>
      </c>
    </row>
    <row r="109" spans="1:22" x14ac:dyDescent="0.25">
      <c r="A109" s="3" t="s">
        <v>853</v>
      </c>
      <c r="B109" s="4" t="s">
        <v>394</v>
      </c>
      <c r="C109" s="3" t="s">
        <v>395</v>
      </c>
      <c r="D109" s="5" t="s">
        <v>925</v>
      </c>
      <c r="E109" s="3" t="s">
        <v>499</v>
      </c>
      <c r="F109" s="3" t="s">
        <v>1198</v>
      </c>
      <c r="G109" s="3" t="s">
        <v>171</v>
      </c>
      <c r="H109" s="3" t="s">
        <v>29</v>
      </c>
      <c r="I109" s="3" t="s">
        <v>502</v>
      </c>
      <c r="J109" s="3" t="s">
        <v>1199</v>
      </c>
      <c r="K109" s="3" t="s">
        <v>32</v>
      </c>
      <c r="L109" s="3" t="s">
        <v>37</v>
      </c>
      <c r="M109" s="3" t="s">
        <v>34</v>
      </c>
      <c r="N109" s="3" t="s">
        <v>142</v>
      </c>
      <c r="O109" s="3" t="s">
        <v>179</v>
      </c>
      <c r="P109" s="3" t="s">
        <v>37</v>
      </c>
      <c r="Q109" s="3" t="s">
        <v>37</v>
      </c>
      <c r="R109" s="3" t="s">
        <v>38</v>
      </c>
      <c r="S109" s="3" t="s">
        <v>1200</v>
      </c>
      <c r="T109" s="3" t="s">
        <v>37</v>
      </c>
      <c r="U109" s="3" t="s">
        <v>37</v>
      </c>
      <c r="V109" s="3" t="s">
        <v>37</v>
      </c>
    </row>
    <row r="110" spans="1:22" x14ac:dyDescent="0.25">
      <c r="A110" s="3" t="s">
        <v>853</v>
      </c>
      <c r="B110" s="4" t="s">
        <v>394</v>
      </c>
      <c r="C110" s="3" t="s">
        <v>395</v>
      </c>
      <c r="D110" s="5" t="s">
        <v>937</v>
      </c>
      <c r="E110" s="3" t="s">
        <v>499</v>
      </c>
      <c r="F110" s="3" t="s">
        <v>1201</v>
      </c>
      <c r="G110" s="3" t="s">
        <v>273</v>
      </c>
      <c r="H110" s="3" t="s">
        <v>29</v>
      </c>
      <c r="I110" s="3" t="s">
        <v>502</v>
      </c>
      <c r="J110" s="3" t="s">
        <v>1202</v>
      </c>
      <c r="K110" s="3" t="s">
        <v>32</v>
      </c>
      <c r="L110" s="3" t="s">
        <v>37</v>
      </c>
      <c r="M110" s="3" t="s">
        <v>34</v>
      </c>
      <c r="N110" s="3" t="s">
        <v>142</v>
      </c>
      <c r="O110" s="3" t="s">
        <v>179</v>
      </c>
      <c r="P110" s="3" t="s">
        <v>37</v>
      </c>
      <c r="Q110" s="3" t="s">
        <v>37</v>
      </c>
      <c r="R110" s="3" t="s">
        <v>38</v>
      </c>
      <c r="S110" s="3" t="s">
        <v>1203</v>
      </c>
      <c r="T110" s="3" t="s">
        <v>37</v>
      </c>
      <c r="U110" s="3" t="s">
        <v>37</v>
      </c>
      <c r="V110" s="3" t="s">
        <v>37</v>
      </c>
    </row>
    <row r="111" spans="1:22" x14ac:dyDescent="0.25">
      <c r="A111" s="3" t="s">
        <v>853</v>
      </c>
      <c r="B111" s="4" t="s">
        <v>394</v>
      </c>
      <c r="C111" s="3" t="s">
        <v>395</v>
      </c>
      <c r="D111" s="5" t="s">
        <v>113</v>
      </c>
      <c r="E111" s="3" t="s">
        <v>499</v>
      </c>
      <c r="F111" s="3" t="s">
        <v>1037</v>
      </c>
      <c r="G111" s="3" t="s">
        <v>234</v>
      </c>
      <c r="H111" s="3" t="s">
        <v>65</v>
      </c>
      <c r="I111" s="3" t="s">
        <v>1038</v>
      </c>
      <c r="J111" s="3" t="s">
        <v>1039</v>
      </c>
      <c r="K111" s="3" t="s">
        <v>32</v>
      </c>
      <c r="L111" s="3" t="s">
        <v>1031</v>
      </c>
      <c r="M111" s="3" t="s">
        <v>34</v>
      </c>
      <c r="N111" s="3" t="s">
        <v>35</v>
      </c>
      <c r="O111" s="3" t="s">
        <v>179</v>
      </c>
      <c r="P111" s="3" t="s">
        <v>37</v>
      </c>
      <c r="Q111" s="3" t="s">
        <v>37</v>
      </c>
      <c r="R111" s="3" t="s">
        <v>38</v>
      </c>
      <c r="S111" s="3" t="s">
        <v>1040</v>
      </c>
      <c r="T111" s="3" t="s">
        <v>37</v>
      </c>
      <c r="U111" s="3" t="s">
        <v>37</v>
      </c>
      <c r="V111" s="3" t="s">
        <v>37</v>
      </c>
    </row>
    <row r="112" spans="1:22" x14ac:dyDescent="0.25">
      <c r="A112" s="3" t="s">
        <v>853</v>
      </c>
      <c r="B112" s="4" t="s">
        <v>394</v>
      </c>
      <c r="C112" s="3" t="s">
        <v>395</v>
      </c>
      <c r="D112" s="5" t="s">
        <v>458</v>
      </c>
      <c r="E112" s="3" t="s">
        <v>499</v>
      </c>
      <c r="F112" s="3" t="s">
        <v>1204</v>
      </c>
      <c r="G112" s="3" t="s">
        <v>283</v>
      </c>
      <c r="H112" s="3" t="s">
        <v>29</v>
      </c>
      <c r="I112" s="3" t="s">
        <v>502</v>
      </c>
      <c r="J112" s="3" t="s">
        <v>1205</v>
      </c>
      <c r="K112" s="3" t="s">
        <v>32</v>
      </c>
      <c r="L112" s="3" t="s">
        <v>37</v>
      </c>
      <c r="M112" s="3" t="s">
        <v>34</v>
      </c>
      <c r="N112" s="3" t="s">
        <v>142</v>
      </c>
      <c r="O112" s="3" t="s">
        <v>179</v>
      </c>
      <c r="P112" s="3" t="s">
        <v>37</v>
      </c>
      <c r="Q112" s="3" t="s">
        <v>37</v>
      </c>
      <c r="R112" s="3" t="s">
        <v>38</v>
      </c>
      <c r="S112" s="3" t="s">
        <v>1206</v>
      </c>
      <c r="T112" s="3" t="s">
        <v>37</v>
      </c>
      <c r="U112" s="3" t="s">
        <v>37</v>
      </c>
      <c r="V112" s="3" t="s">
        <v>37</v>
      </c>
    </row>
    <row r="113" spans="1:22" x14ac:dyDescent="0.25">
      <c r="A113" s="3" t="s">
        <v>853</v>
      </c>
      <c r="B113" s="4" t="s">
        <v>394</v>
      </c>
      <c r="C113" s="3" t="s">
        <v>395</v>
      </c>
      <c r="D113" s="5" t="s">
        <v>124</v>
      </c>
      <c r="E113" s="3" t="s">
        <v>877</v>
      </c>
      <c r="F113" s="3" t="s">
        <v>1207</v>
      </c>
      <c r="G113" s="3" t="s">
        <v>28</v>
      </c>
      <c r="H113" s="3" t="s">
        <v>65</v>
      </c>
      <c r="I113" s="3" t="s">
        <v>879</v>
      </c>
      <c r="J113" s="3" t="s">
        <v>1208</v>
      </c>
      <c r="K113" s="3" t="s">
        <v>32</v>
      </c>
      <c r="L113" s="3" t="s">
        <v>33</v>
      </c>
      <c r="M113" s="3" t="s">
        <v>881</v>
      </c>
      <c r="N113" s="3" t="s">
        <v>74</v>
      </c>
      <c r="O113" s="3" t="s">
        <v>143</v>
      </c>
      <c r="P113" s="3" t="s">
        <v>37</v>
      </c>
      <c r="Q113" s="3" t="s">
        <v>37</v>
      </c>
      <c r="R113" s="3" t="s">
        <v>38</v>
      </c>
      <c r="S113" s="3" t="s">
        <v>1209</v>
      </c>
      <c r="T113" s="3" t="s">
        <v>37</v>
      </c>
      <c r="U113" s="3" t="s">
        <v>37</v>
      </c>
      <c r="V113" s="3" t="s">
        <v>37</v>
      </c>
    </row>
    <row r="114" spans="1:22" x14ac:dyDescent="0.25">
      <c r="A114" s="3" t="s">
        <v>853</v>
      </c>
      <c r="B114" s="4" t="s">
        <v>394</v>
      </c>
      <c r="C114" s="3" t="s">
        <v>395</v>
      </c>
      <c r="D114" s="5" t="s">
        <v>661</v>
      </c>
      <c r="E114" s="3" t="s">
        <v>877</v>
      </c>
      <c r="F114" s="3" t="s">
        <v>1210</v>
      </c>
      <c r="G114" s="3" t="s">
        <v>507</v>
      </c>
      <c r="H114" s="3" t="s">
        <v>65</v>
      </c>
      <c r="I114" s="3" t="s">
        <v>879</v>
      </c>
      <c r="J114" s="3" t="s">
        <v>1211</v>
      </c>
      <c r="K114" s="3" t="s">
        <v>32</v>
      </c>
      <c r="L114" s="3" t="s">
        <v>33</v>
      </c>
      <c r="M114" s="3" t="s">
        <v>881</v>
      </c>
      <c r="N114" s="3" t="s">
        <v>74</v>
      </c>
      <c r="O114" s="3" t="s">
        <v>143</v>
      </c>
      <c r="P114" s="3" t="s">
        <v>37</v>
      </c>
      <c r="Q114" s="3" t="s">
        <v>37</v>
      </c>
      <c r="R114" s="3" t="s">
        <v>38</v>
      </c>
      <c r="S114" s="3" t="s">
        <v>1212</v>
      </c>
      <c r="T114" s="3" t="s">
        <v>37</v>
      </c>
      <c r="U114" s="3" t="s">
        <v>37</v>
      </c>
      <c r="V114" s="3" t="s">
        <v>37</v>
      </c>
    </row>
    <row r="115" spans="1:22" x14ac:dyDescent="0.25">
      <c r="A115" s="3" t="s">
        <v>853</v>
      </c>
      <c r="B115" s="4" t="s">
        <v>394</v>
      </c>
      <c r="C115" s="3" t="s">
        <v>395</v>
      </c>
      <c r="D115" s="5" t="s">
        <v>977</v>
      </c>
      <c r="E115" s="3" t="s">
        <v>877</v>
      </c>
      <c r="F115" s="3" t="s">
        <v>1213</v>
      </c>
      <c r="G115" s="3" t="s">
        <v>229</v>
      </c>
      <c r="H115" s="3" t="s">
        <v>65</v>
      </c>
      <c r="I115" s="3" t="s">
        <v>879</v>
      </c>
      <c r="J115" s="3" t="s">
        <v>1214</v>
      </c>
      <c r="K115" s="3" t="s">
        <v>32</v>
      </c>
      <c r="L115" s="3" t="s">
        <v>33</v>
      </c>
      <c r="M115" s="3" t="s">
        <v>881</v>
      </c>
      <c r="N115" s="3" t="s">
        <v>74</v>
      </c>
      <c r="O115" s="3" t="s">
        <v>143</v>
      </c>
      <c r="P115" s="3" t="s">
        <v>37</v>
      </c>
      <c r="Q115" s="3" t="s">
        <v>37</v>
      </c>
      <c r="R115" s="3" t="s">
        <v>38</v>
      </c>
      <c r="S115" s="3" t="s">
        <v>1215</v>
      </c>
      <c r="T115" s="3" t="s">
        <v>37</v>
      </c>
      <c r="U115" s="3" t="s">
        <v>37</v>
      </c>
      <c r="V115" s="3" t="s">
        <v>37</v>
      </c>
    </row>
    <row r="116" spans="1:22" x14ac:dyDescent="0.25">
      <c r="A116" s="3" t="s">
        <v>853</v>
      </c>
      <c r="B116" s="4" t="s">
        <v>394</v>
      </c>
      <c r="C116" s="3" t="s">
        <v>395</v>
      </c>
      <c r="D116" s="5" t="s">
        <v>981</v>
      </c>
      <c r="E116" s="3" t="s">
        <v>877</v>
      </c>
      <c r="F116" s="3" t="s">
        <v>1216</v>
      </c>
      <c r="G116" s="3" t="s">
        <v>283</v>
      </c>
      <c r="H116" s="3" t="s">
        <v>65</v>
      </c>
      <c r="I116" s="3" t="s">
        <v>879</v>
      </c>
      <c r="J116" s="3" t="s">
        <v>1217</v>
      </c>
      <c r="K116" s="3" t="s">
        <v>32</v>
      </c>
      <c r="L116" s="3" t="s">
        <v>33</v>
      </c>
      <c r="M116" s="3" t="s">
        <v>881</v>
      </c>
      <c r="N116" s="3" t="s">
        <v>74</v>
      </c>
      <c r="O116" s="3" t="s">
        <v>143</v>
      </c>
      <c r="P116" s="3" t="s">
        <v>37</v>
      </c>
      <c r="Q116" s="3" t="s">
        <v>37</v>
      </c>
      <c r="R116" s="3" t="s">
        <v>38</v>
      </c>
      <c r="S116" s="3" t="s">
        <v>1218</v>
      </c>
      <c r="T116" s="3" t="s">
        <v>37</v>
      </c>
      <c r="U116" s="3" t="s">
        <v>37</v>
      </c>
      <c r="V116" s="3" t="s">
        <v>37</v>
      </c>
    </row>
    <row r="117" spans="1:22" x14ac:dyDescent="0.25">
      <c r="A117" s="3" t="s">
        <v>853</v>
      </c>
      <c r="B117" s="4" t="s">
        <v>394</v>
      </c>
      <c r="C117" s="3" t="s">
        <v>395</v>
      </c>
      <c r="D117" s="5" t="s">
        <v>985</v>
      </c>
      <c r="E117" s="3" t="s">
        <v>877</v>
      </c>
      <c r="F117" s="3" t="s">
        <v>1219</v>
      </c>
      <c r="G117" s="3" t="s">
        <v>460</v>
      </c>
      <c r="H117" s="3" t="s">
        <v>65</v>
      </c>
      <c r="I117" s="3" t="s">
        <v>879</v>
      </c>
      <c r="J117" s="3" t="s">
        <v>1220</v>
      </c>
      <c r="K117" s="3" t="s">
        <v>32</v>
      </c>
      <c r="L117" s="3" t="s">
        <v>33</v>
      </c>
      <c r="M117" s="3" t="s">
        <v>881</v>
      </c>
      <c r="N117" s="3" t="s">
        <v>74</v>
      </c>
      <c r="O117" s="3" t="s">
        <v>143</v>
      </c>
      <c r="P117" s="3" t="s">
        <v>37</v>
      </c>
      <c r="Q117" s="3" t="s">
        <v>37</v>
      </c>
      <c r="R117" s="3" t="s">
        <v>38</v>
      </c>
      <c r="S117" s="3" t="s">
        <v>1221</v>
      </c>
      <c r="T117" s="3" t="s">
        <v>37</v>
      </c>
      <c r="U117" s="3" t="s">
        <v>37</v>
      </c>
      <c r="V117" s="3" t="s">
        <v>37</v>
      </c>
    </row>
    <row r="118" spans="1:22" x14ac:dyDescent="0.25">
      <c r="A118" s="3" t="s">
        <v>853</v>
      </c>
      <c r="B118" s="4" t="s">
        <v>394</v>
      </c>
      <c r="C118" s="3" t="s">
        <v>395</v>
      </c>
      <c r="D118" s="5" t="s">
        <v>135</v>
      </c>
      <c r="E118" s="3" t="s">
        <v>877</v>
      </c>
      <c r="F118" s="3" t="s">
        <v>1222</v>
      </c>
      <c r="G118" s="3" t="s">
        <v>121</v>
      </c>
      <c r="H118" s="3" t="s">
        <v>65</v>
      </c>
      <c r="I118" s="3" t="s">
        <v>931</v>
      </c>
      <c r="J118" s="3" t="s">
        <v>1223</v>
      </c>
      <c r="K118" s="3" t="s">
        <v>32</v>
      </c>
      <c r="L118" s="3" t="s">
        <v>33</v>
      </c>
      <c r="M118" s="3" t="s">
        <v>881</v>
      </c>
      <c r="N118" s="3" t="s">
        <v>74</v>
      </c>
      <c r="O118" s="3" t="s">
        <v>143</v>
      </c>
      <c r="P118" s="3" t="s">
        <v>37</v>
      </c>
      <c r="Q118" s="3" t="s">
        <v>37</v>
      </c>
      <c r="R118" s="3" t="s">
        <v>38</v>
      </c>
      <c r="S118" s="3" t="s">
        <v>1224</v>
      </c>
      <c r="T118" s="3" t="s">
        <v>37</v>
      </c>
      <c r="U118" s="3" t="s">
        <v>37</v>
      </c>
      <c r="V118" s="3" t="s">
        <v>37</v>
      </c>
    </row>
    <row r="119" spans="1:22" x14ac:dyDescent="0.25">
      <c r="A119" s="3" t="s">
        <v>853</v>
      </c>
      <c r="B119" s="4" t="s">
        <v>394</v>
      </c>
      <c r="C119" s="3" t="s">
        <v>395</v>
      </c>
      <c r="D119" s="5" t="s">
        <v>136</v>
      </c>
      <c r="E119" s="3" t="s">
        <v>877</v>
      </c>
      <c r="F119" s="3" t="s">
        <v>1225</v>
      </c>
      <c r="G119" s="3" t="s">
        <v>288</v>
      </c>
      <c r="H119" s="3" t="s">
        <v>65</v>
      </c>
      <c r="I119" s="3" t="s">
        <v>931</v>
      </c>
      <c r="J119" s="3" t="s">
        <v>1226</v>
      </c>
      <c r="K119" s="3" t="s">
        <v>32</v>
      </c>
      <c r="L119" s="3" t="s">
        <v>33</v>
      </c>
      <c r="M119" s="3" t="s">
        <v>881</v>
      </c>
      <c r="N119" s="3" t="s">
        <v>74</v>
      </c>
      <c r="O119" s="3" t="s">
        <v>143</v>
      </c>
      <c r="P119" s="3" t="s">
        <v>37</v>
      </c>
      <c r="Q119" s="3" t="s">
        <v>37</v>
      </c>
      <c r="R119" s="3" t="s">
        <v>38</v>
      </c>
      <c r="S119" s="3" t="s">
        <v>1227</v>
      </c>
      <c r="T119" s="3" t="s">
        <v>37</v>
      </c>
      <c r="U119" s="3" t="s">
        <v>37</v>
      </c>
      <c r="V119" s="3" t="s">
        <v>37</v>
      </c>
    </row>
    <row r="120" spans="1:22" x14ac:dyDescent="0.25">
      <c r="A120" s="3" t="s">
        <v>853</v>
      </c>
      <c r="B120" s="4" t="s">
        <v>394</v>
      </c>
      <c r="C120" s="3" t="s">
        <v>395</v>
      </c>
      <c r="D120" s="5" t="s">
        <v>1228</v>
      </c>
      <c r="E120" s="3" t="s">
        <v>877</v>
      </c>
      <c r="F120" s="3" t="s">
        <v>1229</v>
      </c>
      <c r="G120" s="3" t="s">
        <v>89</v>
      </c>
      <c r="H120" s="3" t="s">
        <v>65</v>
      </c>
      <c r="I120" s="3" t="s">
        <v>879</v>
      </c>
      <c r="J120" s="3" t="s">
        <v>1230</v>
      </c>
      <c r="K120" s="3" t="s">
        <v>32</v>
      </c>
      <c r="L120" s="3" t="s">
        <v>33</v>
      </c>
      <c r="M120" s="3" t="s">
        <v>881</v>
      </c>
      <c r="N120" s="3" t="s">
        <v>74</v>
      </c>
      <c r="O120" s="3" t="s">
        <v>143</v>
      </c>
      <c r="P120" s="3" t="s">
        <v>37</v>
      </c>
      <c r="Q120" s="3" t="s">
        <v>37</v>
      </c>
      <c r="R120" s="3" t="s">
        <v>38</v>
      </c>
      <c r="S120" s="3" t="s">
        <v>1231</v>
      </c>
      <c r="T120" s="3" t="s">
        <v>37</v>
      </c>
      <c r="U120" s="3" t="s">
        <v>37</v>
      </c>
      <c r="V120" s="3" t="s">
        <v>37</v>
      </c>
    </row>
    <row r="121" spans="1:22" x14ac:dyDescent="0.25">
      <c r="A121" s="3" t="s">
        <v>853</v>
      </c>
      <c r="B121" s="4" t="s">
        <v>394</v>
      </c>
      <c r="C121" s="3" t="s">
        <v>395</v>
      </c>
      <c r="D121" s="5" t="s">
        <v>1232</v>
      </c>
      <c r="E121" s="3" t="s">
        <v>877</v>
      </c>
      <c r="F121" s="3" t="s">
        <v>986</v>
      </c>
      <c r="G121" s="3" t="s">
        <v>139</v>
      </c>
      <c r="H121" s="3" t="s">
        <v>65</v>
      </c>
      <c r="I121" s="3" t="s">
        <v>879</v>
      </c>
      <c r="J121" s="8" t="s">
        <v>968</v>
      </c>
      <c r="K121" s="3" t="s">
        <v>32</v>
      </c>
      <c r="L121" s="3" t="s">
        <v>33</v>
      </c>
      <c r="M121" s="3" t="s">
        <v>881</v>
      </c>
      <c r="N121" s="3" t="s">
        <v>74</v>
      </c>
      <c r="O121" s="3" t="s">
        <v>143</v>
      </c>
      <c r="P121" s="3" t="s">
        <v>37</v>
      </c>
      <c r="Q121" s="3" t="s">
        <v>37</v>
      </c>
      <c r="R121" s="3" t="s">
        <v>38</v>
      </c>
      <c r="S121" s="3" t="s">
        <v>987</v>
      </c>
      <c r="T121" s="3" t="s">
        <v>37</v>
      </c>
      <c r="U121" s="3" t="s">
        <v>37</v>
      </c>
      <c r="V121" s="3" t="s">
        <v>37</v>
      </c>
    </row>
    <row r="122" spans="1:22" x14ac:dyDescent="0.25">
      <c r="A122" s="3" t="s">
        <v>853</v>
      </c>
      <c r="B122" s="4" t="s">
        <v>394</v>
      </c>
      <c r="C122" s="3" t="s">
        <v>395</v>
      </c>
      <c r="D122" s="5" t="s">
        <v>150</v>
      </c>
      <c r="E122" s="3" t="s">
        <v>877</v>
      </c>
      <c r="F122" s="3" t="s">
        <v>1233</v>
      </c>
      <c r="G122" s="3" t="s">
        <v>516</v>
      </c>
      <c r="H122" s="3" t="s">
        <v>65</v>
      </c>
      <c r="I122" s="3" t="s">
        <v>879</v>
      </c>
      <c r="J122" s="3" t="s">
        <v>1234</v>
      </c>
      <c r="K122" s="3" t="s">
        <v>32</v>
      </c>
      <c r="L122" s="3" t="s">
        <v>33</v>
      </c>
      <c r="M122" s="3" t="s">
        <v>881</v>
      </c>
      <c r="N122" s="3" t="s">
        <v>74</v>
      </c>
      <c r="O122" s="3" t="s">
        <v>143</v>
      </c>
      <c r="P122" s="3" t="s">
        <v>37</v>
      </c>
      <c r="Q122" s="3" t="s">
        <v>37</v>
      </c>
      <c r="R122" s="3" t="s">
        <v>38</v>
      </c>
      <c r="S122" s="3" t="s">
        <v>1235</v>
      </c>
      <c r="T122" s="3" t="s">
        <v>37</v>
      </c>
      <c r="U122" s="3" t="s">
        <v>37</v>
      </c>
      <c r="V122" s="3" t="s">
        <v>37</v>
      </c>
    </row>
    <row r="123" spans="1:22" x14ac:dyDescent="0.25">
      <c r="A123" s="3" t="s">
        <v>853</v>
      </c>
      <c r="B123" s="4" t="s">
        <v>394</v>
      </c>
      <c r="C123" s="3" t="s">
        <v>395</v>
      </c>
      <c r="D123" s="5" t="s">
        <v>473</v>
      </c>
      <c r="E123" s="3" t="s">
        <v>877</v>
      </c>
      <c r="F123" s="3" t="s">
        <v>1236</v>
      </c>
      <c r="G123" s="3" t="s">
        <v>579</v>
      </c>
      <c r="H123" s="3" t="s">
        <v>65</v>
      </c>
      <c r="I123" s="3" t="s">
        <v>879</v>
      </c>
      <c r="J123" s="3" t="s">
        <v>1237</v>
      </c>
      <c r="K123" s="3" t="s">
        <v>32</v>
      </c>
      <c r="L123" s="3" t="s">
        <v>33</v>
      </c>
      <c r="M123" s="3" t="s">
        <v>881</v>
      </c>
      <c r="N123" s="3" t="s">
        <v>74</v>
      </c>
      <c r="O123" s="3" t="s">
        <v>143</v>
      </c>
      <c r="P123" s="3" t="s">
        <v>37</v>
      </c>
      <c r="Q123" s="3" t="s">
        <v>37</v>
      </c>
      <c r="R123" s="3" t="s">
        <v>38</v>
      </c>
      <c r="S123" s="3" t="s">
        <v>1238</v>
      </c>
      <c r="T123" s="3" t="s">
        <v>37</v>
      </c>
      <c r="U123" s="3" t="s">
        <v>37</v>
      </c>
      <c r="V123" s="3" t="s">
        <v>37</v>
      </c>
    </row>
    <row r="124" spans="1:22" x14ac:dyDescent="0.25">
      <c r="A124" s="3" t="s">
        <v>853</v>
      </c>
      <c r="B124" s="4" t="s">
        <v>394</v>
      </c>
      <c r="C124" s="3" t="s">
        <v>395</v>
      </c>
      <c r="D124" s="5" t="s">
        <v>1239</v>
      </c>
      <c r="E124" s="3" t="s">
        <v>877</v>
      </c>
      <c r="F124" s="3" t="s">
        <v>1240</v>
      </c>
      <c r="G124" s="3" t="s">
        <v>115</v>
      </c>
      <c r="H124" s="3" t="s">
        <v>65</v>
      </c>
      <c r="I124" s="3" t="s">
        <v>931</v>
      </c>
      <c r="J124" s="3" t="s">
        <v>1241</v>
      </c>
      <c r="K124" s="3" t="s">
        <v>32</v>
      </c>
      <c r="L124" s="3" t="s">
        <v>33</v>
      </c>
      <c r="M124" s="3" t="s">
        <v>881</v>
      </c>
      <c r="N124" s="3" t="s">
        <v>74</v>
      </c>
      <c r="O124" s="3" t="s">
        <v>143</v>
      </c>
      <c r="P124" s="3" t="s">
        <v>37</v>
      </c>
      <c r="Q124" s="3" t="s">
        <v>37</v>
      </c>
      <c r="R124" s="3" t="s">
        <v>38</v>
      </c>
      <c r="S124" s="3" t="s">
        <v>1242</v>
      </c>
      <c r="T124" s="3" t="s">
        <v>37</v>
      </c>
      <c r="U124" s="3" t="s">
        <v>37</v>
      </c>
      <c r="V124" s="3" t="s">
        <v>37</v>
      </c>
    </row>
    <row r="125" spans="1:22" x14ac:dyDescent="0.25">
      <c r="A125" s="3" t="s">
        <v>853</v>
      </c>
      <c r="B125" s="4" t="s">
        <v>394</v>
      </c>
      <c r="C125" s="3" t="s">
        <v>395</v>
      </c>
      <c r="D125" s="5" t="s">
        <v>997</v>
      </c>
      <c r="E125" s="3" t="s">
        <v>877</v>
      </c>
      <c r="F125" s="3" t="s">
        <v>1243</v>
      </c>
      <c r="G125" s="3" t="s">
        <v>410</v>
      </c>
      <c r="H125" s="3" t="s">
        <v>65</v>
      </c>
      <c r="I125" s="3" t="s">
        <v>879</v>
      </c>
      <c r="J125" s="3" t="s">
        <v>1244</v>
      </c>
      <c r="K125" s="3" t="s">
        <v>32</v>
      </c>
      <c r="L125" s="3" t="s">
        <v>33</v>
      </c>
      <c r="M125" s="3" t="s">
        <v>881</v>
      </c>
      <c r="N125" s="3" t="s">
        <v>74</v>
      </c>
      <c r="O125" s="3" t="s">
        <v>143</v>
      </c>
      <c r="P125" s="3" t="s">
        <v>37</v>
      </c>
      <c r="Q125" s="3" t="s">
        <v>37</v>
      </c>
      <c r="R125" s="3" t="s">
        <v>38</v>
      </c>
      <c r="S125" s="3" t="s">
        <v>1245</v>
      </c>
      <c r="T125" s="3" t="s">
        <v>37</v>
      </c>
      <c r="U125" s="3" t="s">
        <v>37</v>
      </c>
      <c r="V125" s="3" t="s">
        <v>37</v>
      </c>
    </row>
    <row r="126" spans="1:22" x14ac:dyDescent="0.25">
      <c r="A126" s="3" t="s">
        <v>853</v>
      </c>
      <c r="B126" s="4" t="s">
        <v>394</v>
      </c>
      <c r="C126" s="3" t="s">
        <v>395</v>
      </c>
      <c r="D126" s="5" t="s">
        <v>159</v>
      </c>
      <c r="E126" s="3" t="s">
        <v>877</v>
      </c>
      <c r="F126" s="3" t="s">
        <v>1246</v>
      </c>
      <c r="G126" s="3" t="s">
        <v>501</v>
      </c>
      <c r="H126" s="3" t="s">
        <v>65</v>
      </c>
      <c r="I126" s="3" t="s">
        <v>879</v>
      </c>
      <c r="J126" s="3" t="s">
        <v>1247</v>
      </c>
      <c r="K126" s="3" t="s">
        <v>32</v>
      </c>
      <c r="L126" s="3" t="s">
        <v>33</v>
      </c>
      <c r="M126" s="3" t="s">
        <v>881</v>
      </c>
      <c r="N126" s="3" t="s">
        <v>74</v>
      </c>
      <c r="O126" s="3" t="s">
        <v>143</v>
      </c>
      <c r="P126" s="3" t="s">
        <v>37</v>
      </c>
      <c r="Q126" s="3" t="s">
        <v>37</v>
      </c>
      <c r="R126" s="3" t="s">
        <v>38</v>
      </c>
      <c r="S126" s="3" t="s">
        <v>1248</v>
      </c>
      <c r="T126" s="3" t="s">
        <v>37</v>
      </c>
      <c r="U126" s="3" t="s">
        <v>37</v>
      </c>
      <c r="V126" s="3" t="s">
        <v>37</v>
      </c>
    </row>
    <row r="127" spans="1:22" x14ac:dyDescent="0.25">
      <c r="A127" s="3" t="s">
        <v>853</v>
      </c>
      <c r="B127" s="4" t="s">
        <v>394</v>
      </c>
      <c r="C127" s="3" t="s">
        <v>395</v>
      </c>
      <c r="D127" s="5" t="s">
        <v>1249</v>
      </c>
      <c r="E127" s="3" t="s">
        <v>877</v>
      </c>
      <c r="F127" s="3" t="s">
        <v>1250</v>
      </c>
      <c r="G127" s="3" t="s">
        <v>99</v>
      </c>
      <c r="H127" s="3" t="s">
        <v>65</v>
      </c>
      <c r="I127" s="3" t="s">
        <v>879</v>
      </c>
      <c r="J127" s="3" t="s">
        <v>1251</v>
      </c>
      <c r="K127" s="3" t="s">
        <v>32</v>
      </c>
      <c r="L127" s="3" t="s">
        <v>33</v>
      </c>
      <c r="M127" s="3" t="s">
        <v>881</v>
      </c>
      <c r="N127" s="3" t="s">
        <v>74</v>
      </c>
      <c r="O127" s="3" t="s">
        <v>143</v>
      </c>
      <c r="P127" s="3" t="s">
        <v>37</v>
      </c>
      <c r="Q127" s="3" t="s">
        <v>37</v>
      </c>
      <c r="R127" s="3" t="s">
        <v>38</v>
      </c>
      <c r="S127" s="3" t="s">
        <v>1252</v>
      </c>
      <c r="T127" s="3" t="s">
        <v>37</v>
      </c>
      <c r="U127" s="3" t="s">
        <v>37</v>
      </c>
      <c r="V127" s="3" t="s">
        <v>37</v>
      </c>
    </row>
    <row r="128" spans="1:22" x14ac:dyDescent="0.25">
      <c r="A128" s="3" t="s">
        <v>853</v>
      </c>
      <c r="B128" s="4" t="s">
        <v>394</v>
      </c>
      <c r="C128" s="3" t="s">
        <v>395</v>
      </c>
      <c r="D128" s="5" t="s">
        <v>1001</v>
      </c>
      <c r="E128" s="3" t="s">
        <v>903</v>
      </c>
      <c r="F128" s="3" t="s">
        <v>904</v>
      </c>
      <c r="G128" s="3" t="s">
        <v>676</v>
      </c>
      <c r="H128" s="3" t="s">
        <v>49</v>
      </c>
      <c r="I128" s="3" t="s">
        <v>37</v>
      </c>
      <c r="J128" s="3" t="s">
        <v>1253</v>
      </c>
      <c r="K128" s="3" t="s">
        <v>32</v>
      </c>
      <c r="L128" s="3" t="s">
        <v>33</v>
      </c>
      <c r="M128" s="3" t="s">
        <v>67</v>
      </c>
      <c r="N128" s="3" t="s">
        <v>74</v>
      </c>
      <c r="O128" s="3" t="s">
        <v>179</v>
      </c>
      <c r="P128" s="3" t="s">
        <v>37</v>
      </c>
      <c r="Q128" s="3" t="s">
        <v>37</v>
      </c>
      <c r="R128" s="3" t="s">
        <v>38</v>
      </c>
      <c r="S128" s="3" t="s">
        <v>1254</v>
      </c>
      <c r="T128" s="3" t="s">
        <v>37</v>
      </c>
      <c r="U128" s="3" t="s">
        <v>37</v>
      </c>
      <c r="V128" s="3" t="s">
        <v>37</v>
      </c>
    </row>
    <row r="129" spans="1:22" x14ac:dyDescent="0.25">
      <c r="A129" s="3" t="s">
        <v>853</v>
      </c>
      <c r="B129" s="4" t="s">
        <v>394</v>
      </c>
      <c r="C129" s="3" t="s">
        <v>395</v>
      </c>
      <c r="D129" s="5" t="s">
        <v>1002</v>
      </c>
      <c r="E129" s="3" t="s">
        <v>499</v>
      </c>
      <c r="F129" s="3" t="s">
        <v>1037</v>
      </c>
      <c r="G129" s="3" t="s">
        <v>234</v>
      </c>
      <c r="H129" s="3" t="s">
        <v>65</v>
      </c>
      <c r="I129" s="3" t="s">
        <v>1038</v>
      </c>
      <c r="J129" s="3" t="s">
        <v>1039</v>
      </c>
      <c r="K129" s="3" t="s">
        <v>32</v>
      </c>
      <c r="L129" s="3" t="s">
        <v>1031</v>
      </c>
      <c r="M129" s="3" t="s">
        <v>34</v>
      </c>
      <c r="N129" s="3" t="s">
        <v>35</v>
      </c>
      <c r="O129" s="3" t="s">
        <v>179</v>
      </c>
      <c r="P129" s="3" t="s">
        <v>37</v>
      </c>
      <c r="Q129" s="3" t="s">
        <v>37</v>
      </c>
      <c r="R129" s="3" t="s">
        <v>38</v>
      </c>
      <c r="S129" s="3" t="s">
        <v>1040</v>
      </c>
      <c r="T129" s="3" t="s">
        <v>37</v>
      </c>
      <c r="U129" s="3" t="s">
        <v>37</v>
      </c>
      <c r="V129" s="3" t="s">
        <v>37</v>
      </c>
    </row>
    <row r="130" spans="1:22" x14ac:dyDescent="0.25">
      <c r="A130" s="3" t="s">
        <v>853</v>
      </c>
      <c r="B130" s="4" t="s">
        <v>394</v>
      </c>
      <c r="C130" s="3" t="s">
        <v>395</v>
      </c>
      <c r="D130" s="5" t="s">
        <v>1006</v>
      </c>
      <c r="E130" s="3" t="s">
        <v>1255</v>
      </c>
      <c r="F130" s="3" t="s">
        <v>1256</v>
      </c>
      <c r="G130" s="3" t="s">
        <v>89</v>
      </c>
      <c r="H130" s="3" t="s">
        <v>65</v>
      </c>
      <c r="I130" s="3" t="s">
        <v>37</v>
      </c>
      <c r="J130" s="3" t="s">
        <v>1257</v>
      </c>
      <c r="K130" s="3" t="s">
        <v>32</v>
      </c>
      <c r="L130" s="3" t="s">
        <v>33</v>
      </c>
      <c r="M130" s="3" t="s">
        <v>67</v>
      </c>
      <c r="N130" s="3" t="s">
        <v>52</v>
      </c>
      <c r="O130" s="3" t="s">
        <v>37</v>
      </c>
      <c r="P130" s="3" t="s">
        <v>37</v>
      </c>
      <c r="Q130" s="3" t="s">
        <v>37</v>
      </c>
      <c r="R130" s="3" t="s">
        <v>38</v>
      </c>
      <c r="S130" s="3" t="s">
        <v>1258</v>
      </c>
      <c r="T130" s="3" t="s">
        <v>181</v>
      </c>
      <c r="U130" s="3" t="s">
        <v>37</v>
      </c>
      <c r="V130" s="3" t="s">
        <v>37</v>
      </c>
    </row>
    <row r="131" spans="1:22" x14ac:dyDescent="0.25">
      <c r="A131" s="3" t="s">
        <v>853</v>
      </c>
      <c r="B131" s="4" t="s">
        <v>394</v>
      </c>
      <c r="C131" s="3" t="s">
        <v>395</v>
      </c>
      <c r="D131" s="5" t="s">
        <v>174</v>
      </c>
      <c r="E131" s="3" t="s">
        <v>1255</v>
      </c>
      <c r="F131" s="3" t="s">
        <v>1259</v>
      </c>
      <c r="G131" s="3" t="s">
        <v>491</v>
      </c>
      <c r="H131" s="3" t="s">
        <v>65</v>
      </c>
      <c r="I131" s="3" t="s">
        <v>37</v>
      </c>
      <c r="J131" s="3" t="s">
        <v>1257</v>
      </c>
      <c r="K131" s="3" t="s">
        <v>32</v>
      </c>
      <c r="L131" s="3" t="s">
        <v>33</v>
      </c>
      <c r="M131" s="3" t="s">
        <v>67</v>
      </c>
      <c r="N131" s="3" t="s">
        <v>52</v>
      </c>
      <c r="O131" s="3" t="s">
        <v>37</v>
      </c>
      <c r="P131" s="3" t="s">
        <v>37</v>
      </c>
      <c r="Q131" s="3" t="s">
        <v>37</v>
      </c>
      <c r="R131" s="3" t="s">
        <v>38</v>
      </c>
      <c r="S131" s="3" t="s">
        <v>1260</v>
      </c>
      <c r="T131" s="3" t="s">
        <v>181</v>
      </c>
      <c r="U131" s="3" t="s">
        <v>37</v>
      </c>
      <c r="V131" s="3" t="s">
        <v>37</v>
      </c>
    </row>
    <row r="132" spans="1:22" x14ac:dyDescent="0.25">
      <c r="A132" s="3" t="s">
        <v>853</v>
      </c>
      <c r="B132" s="4" t="s">
        <v>394</v>
      </c>
      <c r="C132" s="3" t="s">
        <v>395</v>
      </c>
      <c r="D132" s="5" t="s">
        <v>1261</v>
      </c>
      <c r="E132" s="3" t="s">
        <v>499</v>
      </c>
      <c r="F132" s="3" t="s">
        <v>1262</v>
      </c>
      <c r="G132" s="3" t="s">
        <v>288</v>
      </c>
      <c r="H132" s="3" t="s">
        <v>29</v>
      </c>
      <c r="I132" s="3" t="s">
        <v>502</v>
      </c>
      <c r="J132" s="3" t="s">
        <v>1263</v>
      </c>
      <c r="K132" s="3" t="s">
        <v>32</v>
      </c>
      <c r="L132" s="3" t="s">
        <v>37</v>
      </c>
      <c r="M132" s="3" t="s">
        <v>34</v>
      </c>
      <c r="N132" s="3" t="s">
        <v>142</v>
      </c>
      <c r="O132" s="3" t="s">
        <v>179</v>
      </c>
      <c r="P132" s="3" t="s">
        <v>37</v>
      </c>
      <c r="Q132" s="3" t="s">
        <v>37</v>
      </c>
      <c r="R132" s="3" t="s">
        <v>38</v>
      </c>
      <c r="S132" s="3" t="s">
        <v>1264</v>
      </c>
      <c r="T132" s="3" t="s">
        <v>37</v>
      </c>
      <c r="U132" s="3" t="s">
        <v>37</v>
      </c>
      <c r="V132" s="3" t="s">
        <v>37</v>
      </c>
    </row>
    <row r="133" spans="1:22" x14ac:dyDescent="0.25">
      <c r="A133" s="3" t="s">
        <v>853</v>
      </c>
      <c r="B133" s="4" t="s">
        <v>394</v>
      </c>
      <c r="C133" s="3" t="s">
        <v>395</v>
      </c>
      <c r="D133" s="5" t="s">
        <v>1012</v>
      </c>
      <c r="E133" s="3" t="s">
        <v>1013</v>
      </c>
      <c r="F133" s="3" t="s">
        <v>1265</v>
      </c>
      <c r="G133" s="3" t="s">
        <v>379</v>
      </c>
      <c r="H133" s="3" t="s">
        <v>65</v>
      </c>
      <c r="I133" s="3" t="s">
        <v>1015</v>
      </c>
      <c r="J133" s="3" t="s">
        <v>1266</v>
      </c>
      <c r="K133" s="3" t="s">
        <v>32</v>
      </c>
      <c r="L133" s="3" t="s">
        <v>33</v>
      </c>
      <c r="M133" s="3" t="s">
        <v>67</v>
      </c>
      <c r="N133" s="3" t="s">
        <v>35</v>
      </c>
      <c r="O133" s="3" t="s">
        <v>53</v>
      </c>
      <c r="P133" s="3" t="s">
        <v>37</v>
      </c>
      <c r="Q133" s="3" t="s">
        <v>37</v>
      </c>
      <c r="R133" s="3" t="s">
        <v>38</v>
      </c>
      <c r="S133" s="3" t="s">
        <v>1267</v>
      </c>
      <c r="T133" s="3" t="s">
        <v>37</v>
      </c>
      <c r="U133" s="3" t="s">
        <v>37</v>
      </c>
      <c r="V133" s="3" t="s">
        <v>37</v>
      </c>
    </row>
    <row r="134" spans="1:22" x14ac:dyDescent="0.25">
      <c r="A134" s="3" t="s">
        <v>853</v>
      </c>
      <c r="B134" s="4" t="s">
        <v>394</v>
      </c>
      <c r="C134" s="3" t="s">
        <v>395</v>
      </c>
      <c r="D134" s="5" t="s">
        <v>192</v>
      </c>
      <c r="E134" s="3" t="s">
        <v>1018</v>
      </c>
      <c r="F134" s="3" t="s">
        <v>1268</v>
      </c>
      <c r="G134" s="3" t="s">
        <v>319</v>
      </c>
      <c r="H134" s="3" t="s">
        <v>49</v>
      </c>
      <c r="I134" s="3" t="s">
        <v>1269</v>
      </c>
      <c r="J134" s="3" t="s">
        <v>1270</v>
      </c>
      <c r="K134" s="3" t="s">
        <v>32</v>
      </c>
      <c r="L134" s="3" t="s">
        <v>33</v>
      </c>
      <c r="M134" s="3" t="s">
        <v>67</v>
      </c>
      <c r="N134" s="3" t="s">
        <v>35</v>
      </c>
      <c r="O134" s="3" t="s">
        <v>53</v>
      </c>
      <c r="P134" s="3" t="s">
        <v>37</v>
      </c>
      <c r="Q134" s="3" t="s">
        <v>37</v>
      </c>
      <c r="R134" s="3" t="s">
        <v>38</v>
      </c>
      <c r="S134" s="3" t="s">
        <v>1271</v>
      </c>
      <c r="T134" s="3" t="s">
        <v>37</v>
      </c>
      <c r="U134" s="3" t="s">
        <v>37</v>
      </c>
      <c r="V134" s="3" t="s">
        <v>37</v>
      </c>
    </row>
    <row r="135" spans="1:22" x14ac:dyDescent="0.25">
      <c r="A135" s="3" t="s">
        <v>853</v>
      </c>
      <c r="B135" s="4" t="s">
        <v>394</v>
      </c>
      <c r="C135" s="3" t="s">
        <v>395</v>
      </c>
      <c r="D135" s="5" t="s">
        <v>1023</v>
      </c>
      <c r="E135" s="3" t="s">
        <v>1272</v>
      </c>
      <c r="F135" s="3" t="s">
        <v>1273</v>
      </c>
      <c r="G135" s="3" t="s">
        <v>1274</v>
      </c>
      <c r="H135" s="3" t="s">
        <v>325</v>
      </c>
      <c r="I135" s="3" t="s">
        <v>1275</v>
      </c>
      <c r="J135" s="3" t="s">
        <v>1276</v>
      </c>
      <c r="K135" s="3" t="s">
        <v>32</v>
      </c>
      <c r="L135" s="3" t="s">
        <v>33</v>
      </c>
      <c r="M135" s="3" t="s">
        <v>67</v>
      </c>
      <c r="N135" s="3" t="s">
        <v>117</v>
      </c>
      <c r="O135" s="3" t="s">
        <v>179</v>
      </c>
      <c r="P135" s="3" t="s">
        <v>37</v>
      </c>
      <c r="Q135" s="3" t="s">
        <v>37</v>
      </c>
      <c r="R135" s="3" t="s">
        <v>38</v>
      </c>
      <c r="S135" s="3" t="s">
        <v>1277</v>
      </c>
      <c r="T135" s="3" t="s">
        <v>37</v>
      </c>
      <c r="U135" s="3" t="s">
        <v>37</v>
      </c>
      <c r="V135" s="3" t="s">
        <v>37</v>
      </c>
    </row>
    <row r="136" spans="1:22" x14ac:dyDescent="0.25">
      <c r="A136" s="3" t="s">
        <v>853</v>
      </c>
      <c r="B136" s="4" t="s">
        <v>394</v>
      </c>
      <c r="C136" s="3" t="s">
        <v>395</v>
      </c>
      <c r="D136" s="5" t="s">
        <v>498</v>
      </c>
      <c r="E136" s="3" t="s">
        <v>877</v>
      </c>
      <c r="F136" s="3" t="s">
        <v>1278</v>
      </c>
      <c r="G136" s="3" t="s">
        <v>480</v>
      </c>
      <c r="H136" s="3" t="s">
        <v>65</v>
      </c>
      <c r="I136" s="3" t="s">
        <v>879</v>
      </c>
      <c r="J136" s="3" t="s">
        <v>1279</v>
      </c>
      <c r="K136" s="3" t="s">
        <v>32</v>
      </c>
      <c r="L136" s="3" t="s">
        <v>33</v>
      </c>
      <c r="M136" s="3" t="s">
        <v>881</v>
      </c>
      <c r="N136" s="3" t="s">
        <v>74</v>
      </c>
      <c r="O136" s="3" t="s">
        <v>143</v>
      </c>
      <c r="P136" s="3" t="s">
        <v>37</v>
      </c>
      <c r="Q136" s="3" t="s">
        <v>37</v>
      </c>
      <c r="R136" s="3" t="s">
        <v>38</v>
      </c>
      <c r="S136" s="3" t="s">
        <v>1280</v>
      </c>
      <c r="T136" s="3" t="s">
        <v>37</v>
      </c>
      <c r="U136" s="3" t="s">
        <v>37</v>
      </c>
      <c r="V136" s="3" t="s">
        <v>37</v>
      </c>
    </row>
    <row r="137" spans="1:22" x14ac:dyDescent="0.25">
      <c r="A137" s="3" t="s">
        <v>853</v>
      </c>
      <c r="B137" s="4" t="s">
        <v>394</v>
      </c>
      <c r="C137" s="3" t="s">
        <v>395</v>
      </c>
      <c r="D137" s="5" t="s">
        <v>1281</v>
      </c>
      <c r="E137" s="3" t="s">
        <v>877</v>
      </c>
      <c r="F137" s="3" t="s">
        <v>986</v>
      </c>
      <c r="G137" s="3" t="s">
        <v>139</v>
      </c>
      <c r="H137" s="3" t="s">
        <v>65</v>
      </c>
      <c r="I137" s="3" t="s">
        <v>879</v>
      </c>
      <c r="J137" s="8" t="s">
        <v>968</v>
      </c>
      <c r="K137" s="3" t="s">
        <v>32</v>
      </c>
      <c r="L137" s="3" t="s">
        <v>33</v>
      </c>
      <c r="M137" s="3" t="s">
        <v>881</v>
      </c>
      <c r="N137" s="3" t="s">
        <v>74</v>
      </c>
      <c r="O137" s="3" t="s">
        <v>143</v>
      </c>
      <c r="P137" s="3" t="s">
        <v>37</v>
      </c>
      <c r="Q137" s="3" t="s">
        <v>37</v>
      </c>
      <c r="R137" s="3" t="s">
        <v>38</v>
      </c>
      <c r="S137" s="3" t="s">
        <v>987</v>
      </c>
      <c r="T137" s="3" t="s">
        <v>37</v>
      </c>
      <c r="U137" s="3" t="s">
        <v>37</v>
      </c>
      <c r="V137" s="3" t="s">
        <v>37</v>
      </c>
    </row>
    <row r="138" spans="1:22" x14ac:dyDescent="0.25">
      <c r="A138" s="3" t="s">
        <v>853</v>
      </c>
      <c r="B138" s="4" t="s">
        <v>394</v>
      </c>
      <c r="C138" s="3" t="s">
        <v>395</v>
      </c>
      <c r="D138" s="5" t="s">
        <v>1282</v>
      </c>
      <c r="E138" s="3" t="s">
        <v>877</v>
      </c>
      <c r="F138" s="3" t="s">
        <v>884</v>
      </c>
      <c r="G138" s="3" t="s">
        <v>470</v>
      </c>
      <c r="H138" s="3" t="s">
        <v>65</v>
      </c>
      <c r="I138" s="3" t="s">
        <v>879</v>
      </c>
      <c r="J138" s="3" t="s">
        <v>885</v>
      </c>
      <c r="K138" s="3" t="s">
        <v>32</v>
      </c>
      <c r="L138" s="3" t="s">
        <v>33</v>
      </c>
      <c r="M138" s="3" t="s">
        <v>881</v>
      </c>
      <c r="N138" s="3" t="s">
        <v>74</v>
      </c>
      <c r="O138" s="3" t="s">
        <v>143</v>
      </c>
      <c r="P138" s="3" t="s">
        <v>37</v>
      </c>
      <c r="Q138" s="3" t="s">
        <v>37</v>
      </c>
      <c r="R138" s="3" t="s">
        <v>38</v>
      </c>
      <c r="S138" s="3" t="s">
        <v>886</v>
      </c>
      <c r="T138" s="3" t="s">
        <v>37</v>
      </c>
      <c r="U138" s="3" t="s">
        <v>37</v>
      </c>
      <c r="V138" s="3" t="s">
        <v>37</v>
      </c>
    </row>
    <row r="139" spans="1:22" x14ac:dyDescent="0.25">
      <c r="A139" s="3" t="s">
        <v>853</v>
      </c>
      <c r="B139" s="4" t="s">
        <v>394</v>
      </c>
      <c r="C139" s="3" t="s">
        <v>395</v>
      </c>
      <c r="D139" s="5" t="s">
        <v>1033</v>
      </c>
      <c r="E139" s="3" t="s">
        <v>872</v>
      </c>
      <c r="F139" s="3" t="s">
        <v>1283</v>
      </c>
      <c r="G139" s="3" t="s">
        <v>104</v>
      </c>
      <c r="H139" s="3" t="s">
        <v>65</v>
      </c>
      <c r="I139" s="3" t="s">
        <v>37</v>
      </c>
      <c r="J139" s="3" t="s">
        <v>1284</v>
      </c>
      <c r="K139" s="3" t="s">
        <v>32</v>
      </c>
      <c r="L139" s="3" t="s">
        <v>33</v>
      </c>
      <c r="M139" s="3" t="s">
        <v>67</v>
      </c>
      <c r="N139" s="3" t="s">
        <v>52</v>
      </c>
      <c r="O139" s="3" t="s">
        <v>53</v>
      </c>
      <c r="P139" s="3" t="s">
        <v>37</v>
      </c>
      <c r="Q139" s="3" t="s">
        <v>37</v>
      </c>
      <c r="R139" s="3" t="s">
        <v>38</v>
      </c>
      <c r="S139" s="3" t="s">
        <v>1285</v>
      </c>
      <c r="T139" s="3" t="s">
        <v>37</v>
      </c>
      <c r="U139" s="3" t="s">
        <v>37</v>
      </c>
      <c r="V139" s="3" t="s">
        <v>37</v>
      </c>
    </row>
    <row r="140" spans="1:22" x14ac:dyDescent="0.25">
      <c r="A140" s="3" t="s">
        <v>853</v>
      </c>
      <c r="B140" s="4" t="s">
        <v>394</v>
      </c>
      <c r="C140" s="3" t="s">
        <v>395</v>
      </c>
      <c r="D140" s="5" t="s">
        <v>212</v>
      </c>
      <c r="E140" s="3" t="s">
        <v>866</v>
      </c>
      <c r="F140" s="3" t="s">
        <v>1286</v>
      </c>
      <c r="G140" s="3" t="s">
        <v>379</v>
      </c>
      <c r="H140" s="3" t="s">
        <v>65</v>
      </c>
      <c r="I140" s="3" t="s">
        <v>868</v>
      </c>
      <c r="J140" s="3" t="s">
        <v>1287</v>
      </c>
      <c r="K140" s="3" t="s">
        <v>32</v>
      </c>
      <c r="L140" s="3" t="s">
        <v>33</v>
      </c>
      <c r="M140" s="3" t="s">
        <v>34</v>
      </c>
      <c r="N140" s="3" t="s">
        <v>52</v>
      </c>
      <c r="O140" s="3" t="s">
        <v>53</v>
      </c>
      <c r="P140" s="3" t="s">
        <v>37</v>
      </c>
      <c r="Q140" s="3" t="s">
        <v>37</v>
      </c>
      <c r="R140" s="3" t="s">
        <v>38</v>
      </c>
      <c r="S140" s="3" t="s">
        <v>1288</v>
      </c>
      <c r="T140" s="3" t="s">
        <v>37</v>
      </c>
      <c r="U140" s="3" t="s">
        <v>37</v>
      </c>
      <c r="V140" s="3" t="s">
        <v>37</v>
      </c>
    </row>
    <row r="141" spans="1:22" x14ac:dyDescent="0.25">
      <c r="A141" s="3" t="s">
        <v>853</v>
      </c>
      <c r="B141" s="4" t="s">
        <v>394</v>
      </c>
      <c r="C141" s="3" t="s">
        <v>395</v>
      </c>
      <c r="D141" s="5" t="s">
        <v>373</v>
      </c>
      <c r="E141" s="3" t="s">
        <v>915</v>
      </c>
      <c r="F141" s="3" t="s">
        <v>1289</v>
      </c>
      <c r="G141" s="3" t="s">
        <v>49</v>
      </c>
      <c r="H141" s="3" t="s">
        <v>65</v>
      </c>
      <c r="I141" s="3" t="s">
        <v>1290</v>
      </c>
      <c r="J141" s="3" t="s">
        <v>1291</v>
      </c>
      <c r="K141" s="3" t="s">
        <v>32</v>
      </c>
      <c r="L141" s="3" t="s">
        <v>33</v>
      </c>
      <c r="M141" s="3" t="s">
        <v>67</v>
      </c>
      <c r="N141" s="3" t="s">
        <v>142</v>
      </c>
      <c r="O141" s="3" t="s">
        <v>179</v>
      </c>
      <c r="P141" s="3" t="s">
        <v>37</v>
      </c>
      <c r="Q141" s="3" t="s">
        <v>37</v>
      </c>
      <c r="R141" s="3" t="s">
        <v>38</v>
      </c>
      <c r="S141" s="3" t="s">
        <v>1292</v>
      </c>
      <c r="T141" s="3" t="s">
        <v>37</v>
      </c>
      <c r="U141" s="3" t="s">
        <v>37</v>
      </c>
      <c r="V141" s="3" t="s">
        <v>37</v>
      </c>
    </row>
    <row r="142" spans="1:22" x14ac:dyDescent="0.25">
      <c r="A142" s="3" t="s">
        <v>853</v>
      </c>
      <c r="B142" s="4" t="s">
        <v>394</v>
      </c>
      <c r="C142" s="3" t="s">
        <v>395</v>
      </c>
      <c r="D142" s="5" t="s">
        <v>221</v>
      </c>
      <c r="E142" s="3" t="s">
        <v>499</v>
      </c>
      <c r="F142" s="3" t="s">
        <v>1293</v>
      </c>
      <c r="G142" s="3" t="s">
        <v>524</v>
      </c>
      <c r="H142" s="3" t="s">
        <v>29</v>
      </c>
      <c r="I142" s="3" t="s">
        <v>502</v>
      </c>
      <c r="J142" s="3" t="s">
        <v>1294</v>
      </c>
      <c r="K142" s="3" t="s">
        <v>32</v>
      </c>
      <c r="L142" s="3" t="s">
        <v>37</v>
      </c>
      <c r="M142" s="3" t="s">
        <v>34</v>
      </c>
      <c r="N142" s="3" t="s">
        <v>142</v>
      </c>
      <c r="O142" s="3" t="s">
        <v>179</v>
      </c>
      <c r="P142" s="3" t="s">
        <v>37</v>
      </c>
      <c r="Q142" s="3" t="s">
        <v>37</v>
      </c>
      <c r="R142" s="3" t="s">
        <v>38</v>
      </c>
      <c r="S142" s="3" t="s">
        <v>1295</v>
      </c>
      <c r="T142" s="3" t="s">
        <v>37</v>
      </c>
      <c r="U142" s="3" t="s">
        <v>37</v>
      </c>
      <c r="V142" s="3" t="s">
        <v>37</v>
      </c>
    </row>
    <row r="143" spans="1:22" x14ac:dyDescent="0.25">
      <c r="A143" s="3" t="s">
        <v>853</v>
      </c>
      <c r="B143" s="4" t="s">
        <v>394</v>
      </c>
      <c r="C143" s="3" t="s">
        <v>395</v>
      </c>
      <c r="D143" s="5" t="s">
        <v>1047</v>
      </c>
      <c r="E143" s="3" t="s">
        <v>1013</v>
      </c>
      <c r="F143" s="3" t="s">
        <v>1296</v>
      </c>
      <c r="G143" s="3" t="s">
        <v>325</v>
      </c>
      <c r="H143" s="3" t="s">
        <v>65</v>
      </c>
      <c r="I143" s="3" t="s">
        <v>1118</v>
      </c>
      <c r="J143" s="3" t="s">
        <v>1297</v>
      </c>
      <c r="K143" s="3" t="s">
        <v>32</v>
      </c>
      <c r="L143" s="3" t="s">
        <v>33</v>
      </c>
      <c r="M143" s="3" t="s">
        <v>67</v>
      </c>
      <c r="N143" s="3" t="s">
        <v>35</v>
      </c>
      <c r="O143" s="3" t="s">
        <v>53</v>
      </c>
      <c r="P143" s="3" t="s">
        <v>37</v>
      </c>
      <c r="Q143" s="3" t="s">
        <v>37</v>
      </c>
      <c r="R143" s="3" t="s">
        <v>38</v>
      </c>
      <c r="S143" s="3" t="s">
        <v>1298</v>
      </c>
      <c r="T143" s="3" t="s">
        <v>37</v>
      </c>
      <c r="U143" s="3" t="s">
        <v>37</v>
      </c>
      <c r="V143" s="3" t="s">
        <v>37</v>
      </c>
    </row>
    <row r="144" spans="1:22" x14ac:dyDescent="0.25">
      <c r="A144" s="3" t="s">
        <v>853</v>
      </c>
      <c r="B144" s="4" t="s">
        <v>394</v>
      </c>
      <c r="C144" s="3" t="s">
        <v>395</v>
      </c>
      <c r="D144" s="5" t="s">
        <v>226</v>
      </c>
      <c r="E144" s="3" t="s">
        <v>1018</v>
      </c>
      <c r="F144" s="3" t="s">
        <v>1299</v>
      </c>
      <c r="G144" s="3" t="s">
        <v>273</v>
      </c>
      <c r="H144" s="3" t="s">
        <v>29</v>
      </c>
      <c r="I144" s="3" t="s">
        <v>1020</v>
      </c>
      <c r="J144" s="3" t="s">
        <v>1300</v>
      </c>
      <c r="K144" s="3" t="s">
        <v>32</v>
      </c>
      <c r="L144" s="3" t="s">
        <v>33</v>
      </c>
      <c r="M144" s="3" t="s">
        <v>67</v>
      </c>
      <c r="N144" s="3" t="s">
        <v>533</v>
      </c>
      <c r="O144" s="3" t="s">
        <v>53</v>
      </c>
      <c r="P144" s="3" t="s">
        <v>37</v>
      </c>
      <c r="Q144" s="3" t="s">
        <v>37</v>
      </c>
      <c r="R144" s="3" t="s">
        <v>38</v>
      </c>
      <c r="S144" s="3" t="s">
        <v>1301</v>
      </c>
      <c r="T144" s="3" t="s">
        <v>37</v>
      </c>
      <c r="U144" s="3" t="s">
        <v>37</v>
      </c>
      <c r="V144" s="3" t="s">
        <v>37</v>
      </c>
    </row>
    <row r="145" spans="1:22" x14ac:dyDescent="0.25">
      <c r="A145" s="3" t="s">
        <v>853</v>
      </c>
      <c r="B145" s="4" t="s">
        <v>394</v>
      </c>
      <c r="C145" s="3" t="s">
        <v>395</v>
      </c>
      <c r="D145" s="5" t="s">
        <v>1054</v>
      </c>
      <c r="E145" s="3" t="s">
        <v>866</v>
      </c>
      <c r="F145" s="3" t="s">
        <v>1041</v>
      </c>
      <c r="G145" s="3" t="s">
        <v>546</v>
      </c>
      <c r="H145" s="3" t="s">
        <v>65</v>
      </c>
      <c r="I145" s="3" t="s">
        <v>868</v>
      </c>
      <c r="J145" s="3" t="s">
        <v>1042</v>
      </c>
      <c r="K145" s="3" t="s">
        <v>32</v>
      </c>
      <c r="L145" s="3" t="s">
        <v>33</v>
      </c>
      <c r="M145" s="3" t="s">
        <v>34</v>
      </c>
      <c r="N145" s="3" t="s">
        <v>52</v>
      </c>
      <c r="O145" s="3" t="s">
        <v>53</v>
      </c>
      <c r="P145" s="3" t="s">
        <v>37</v>
      </c>
      <c r="Q145" s="3" t="s">
        <v>37</v>
      </c>
      <c r="R145" s="3" t="s">
        <v>38</v>
      </c>
      <c r="S145" s="3" t="s">
        <v>1043</v>
      </c>
      <c r="T145" s="3" t="s">
        <v>37</v>
      </c>
      <c r="U145" s="3" t="s">
        <v>37</v>
      </c>
      <c r="V145" s="3" t="s">
        <v>37</v>
      </c>
    </row>
    <row r="146" spans="1:22" x14ac:dyDescent="0.25">
      <c r="A146" s="3"/>
      <c r="B146" s="4"/>
      <c r="C146" s="3"/>
      <c r="D146" s="5"/>
      <c r="E146" s="6" t="s">
        <v>1055</v>
      </c>
      <c r="F146" s="3"/>
      <c r="G146" s="3"/>
      <c r="H146" s="3"/>
      <c r="I146" s="3"/>
      <c r="J146" s="3"/>
      <c r="K146" s="3"/>
      <c r="L146" s="3"/>
      <c r="M146" s="3"/>
      <c r="N146" s="3"/>
      <c r="O146" s="3"/>
      <c r="P146" s="3"/>
      <c r="Q146" s="3"/>
      <c r="R146" s="3"/>
      <c r="S146" s="3"/>
      <c r="T146" s="3"/>
      <c r="U146" s="3"/>
      <c r="V146" s="3"/>
    </row>
    <row r="147" spans="1:22" x14ac:dyDescent="0.25">
      <c r="A147" s="3"/>
      <c r="B147" s="4"/>
      <c r="C147" s="3"/>
      <c r="D147" s="5"/>
      <c r="E147" s="3"/>
      <c r="F147" s="3"/>
      <c r="G147" s="3"/>
      <c r="H147" s="3"/>
      <c r="I147" s="3"/>
      <c r="J147" s="3"/>
      <c r="K147" s="3"/>
      <c r="L147" s="3"/>
      <c r="M147" s="3"/>
      <c r="N147" s="3"/>
      <c r="O147" s="3"/>
      <c r="P147" s="3"/>
      <c r="Q147" s="3"/>
      <c r="R147" s="3"/>
      <c r="S147" s="3"/>
      <c r="T147" s="3"/>
      <c r="U147" s="3"/>
      <c r="V147" s="3"/>
    </row>
    <row r="148" spans="1:22" x14ac:dyDescent="0.25">
      <c r="A148" s="3" t="s">
        <v>853</v>
      </c>
      <c r="B148" s="4" t="s">
        <v>536</v>
      </c>
      <c r="C148" s="3" t="s">
        <v>537</v>
      </c>
      <c r="D148" s="5" t="s">
        <v>25</v>
      </c>
      <c r="E148" s="3" t="s">
        <v>854</v>
      </c>
      <c r="F148" s="3" t="s">
        <v>1302</v>
      </c>
      <c r="G148" s="3" t="s">
        <v>1303</v>
      </c>
      <c r="H148" s="3" t="s">
        <v>49</v>
      </c>
      <c r="I148" s="3" t="s">
        <v>1155</v>
      </c>
      <c r="J148" s="3" t="s">
        <v>1304</v>
      </c>
      <c r="K148" s="3" t="s">
        <v>32</v>
      </c>
      <c r="L148" s="3" t="s">
        <v>33</v>
      </c>
      <c r="M148" s="3" t="s">
        <v>67</v>
      </c>
      <c r="N148" s="3" t="s">
        <v>858</v>
      </c>
      <c r="O148" s="3" t="s">
        <v>179</v>
      </c>
      <c r="P148" s="3" t="s">
        <v>37</v>
      </c>
      <c r="Q148" s="3" t="s">
        <v>37</v>
      </c>
      <c r="R148" s="3" t="s">
        <v>38</v>
      </c>
      <c r="S148" s="3" t="s">
        <v>1305</v>
      </c>
      <c r="T148" s="3" t="s">
        <v>37</v>
      </c>
      <c r="U148" s="3" t="s">
        <v>37</v>
      </c>
      <c r="V148" s="3" t="s">
        <v>37</v>
      </c>
    </row>
    <row r="149" spans="1:22" x14ac:dyDescent="0.25">
      <c r="A149" s="3" t="s">
        <v>853</v>
      </c>
      <c r="B149" s="4" t="s">
        <v>536</v>
      </c>
      <c r="C149" s="3" t="s">
        <v>537</v>
      </c>
      <c r="D149" s="5" t="s">
        <v>860</v>
      </c>
      <c r="E149" s="3" t="s">
        <v>854</v>
      </c>
      <c r="F149" s="3" t="s">
        <v>1306</v>
      </c>
      <c r="G149" s="3" t="s">
        <v>1307</v>
      </c>
      <c r="H149" s="3" t="s">
        <v>49</v>
      </c>
      <c r="I149" s="3" t="s">
        <v>863</v>
      </c>
      <c r="J149" s="3" t="s">
        <v>1308</v>
      </c>
      <c r="K149" s="3" t="s">
        <v>32</v>
      </c>
      <c r="L149" s="3" t="s">
        <v>33</v>
      </c>
      <c r="M149" s="3" t="s">
        <v>67</v>
      </c>
      <c r="N149" s="3" t="s">
        <v>858</v>
      </c>
      <c r="O149" s="3" t="s">
        <v>179</v>
      </c>
      <c r="P149" s="3" t="s">
        <v>37</v>
      </c>
      <c r="Q149" s="3" t="s">
        <v>37</v>
      </c>
      <c r="R149" s="3" t="s">
        <v>38</v>
      </c>
      <c r="S149" s="3" t="s">
        <v>1309</v>
      </c>
      <c r="T149" s="3" t="s">
        <v>37</v>
      </c>
      <c r="U149" s="3" t="s">
        <v>37</v>
      </c>
      <c r="V149" s="3" t="s">
        <v>37</v>
      </c>
    </row>
    <row r="150" spans="1:22" x14ac:dyDescent="0.25">
      <c r="A150" s="3" t="s">
        <v>853</v>
      </c>
      <c r="B150" s="4" t="s">
        <v>536</v>
      </c>
      <c r="C150" s="3" t="s">
        <v>537</v>
      </c>
      <c r="D150" s="5" t="s">
        <v>45</v>
      </c>
      <c r="E150" s="3" t="s">
        <v>877</v>
      </c>
      <c r="F150" s="3" t="s">
        <v>986</v>
      </c>
      <c r="G150" s="3" t="s">
        <v>139</v>
      </c>
      <c r="H150" s="3" t="s">
        <v>65</v>
      </c>
      <c r="I150" s="3" t="s">
        <v>879</v>
      </c>
      <c r="J150" s="8" t="s">
        <v>968</v>
      </c>
      <c r="K150" s="3" t="s">
        <v>32</v>
      </c>
      <c r="L150" s="3" t="s">
        <v>33</v>
      </c>
      <c r="M150" s="3" t="s">
        <v>881</v>
      </c>
      <c r="N150" s="3" t="s">
        <v>74</v>
      </c>
      <c r="O150" s="3" t="s">
        <v>143</v>
      </c>
      <c r="P150" s="3" t="s">
        <v>37</v>
      </c>
      <c r="Q150" s="3" t="s">
        <v>37</v>
      </c>
      <c r="R150" s="3" t="s">
        <v>38</v>
      </c>
      <c r="S150" s="3" t="s">
        <v>987</v>
      </c>
      <c r="T150" s="3" t="s">
        <v>37</v>
      </c>
      <c r="U150" s="3" t="s">
        <v>37</v>
      </c>
      <c r="V150" s="3" t="s">
        <v>37</v>
      </c>
    </row>
    <row r="151" spans="1:22" x14ac:dyDescent="0.25">
      <c r="A151" s="3" t="s">
        <v>853</v>
      </c>
      <c r="B151" s="4" t="s">
        <v>536</v>
      </c>
      <c r="C151" s="3" t="s">
        <v>537</v>
      </c>
      <c r="D151" s="5" t="s">
        <v>1164</v>
      </c>
      <c r="E151" s="3" t="s">
        <v>877</v>
      </c>
      <c r="F151" s="3" t="s">
        <v>892</v>
      </c>
      <c r="G151" s="3" t="s">
        <v>166</v>
      </c>
      <c r="H151" s="3" t="s">
        <v>65</v>
      </c>
      <c r="I151" s="3" t="s">
        <v>879</v>
      </c>
      <c r="J151" s="3" t="s">
        <v>893</v>
      </c>
      <c r="K151" s="3" t="s">
        <v>32</v>
      </c>
      <c r="L151" s="3" t="s">
        <v>33</v>
      </c>
      <c r="M151" s="3" t="s">
        <v>881</v>
      </c>
      <c r="N151" s="3" t="s">
        <v>74</v>
      </c>
      <c r="O151" s="3" t="s">
        <v>143</v>
      </c>
      <c r="P151" s="3" t="s">
        <v>37</v>
      </c>
      <c r="Q151" s="3" t="s">
        <v>37</v>
      </c>
      <c r="R151" s="3" t="s">
        <v>38</v>
      </c>
      <c r="S151" s="3" t="s">
        <v>894</v>
      </c>
      <c r="T151" s="3" t="s">
        <v>37</v>
      </c>
      <c r="U151" s="3" t="s">
        <v>37</v>
      </c>
      <c r="V151" s="3" t="s">
        <v>37</v>
      </c>
    </row>
    <row r="152" spans="1:22" x14ac:dyDescent="0.25">
      <c r="A152" s="3" t="s">
        <v>853</v>
      </c>
      <c r="B152" s="4" t="s">
        <v>536</v>
      </c>
      <c r="C152" s="3" t="s">
        <v>537</v>
      </c>
      <c r="D152" s="5" t="s">
        <v>1168</v>
      </c>
      <c r="E152" s="3" t="s">
        <v>877</v>
      </c>
      <c r="F152" s="3" t="s">
        <v>896</v>
      </c>
      <c r="G152" s="3" t="s">
        <v>455</v>
      </c>
      <c r="H152" s="3" t="s">
        <v>65</v>
      </c>
      <c r="I152" s="3" t="s">
        <v>879</v>
      </c>
      <c r="J152" s="3" t="s">
        <v>897</v>
      </c>
      <c r="K152" s="3" t="s">
        <v>32</v>
      </c>
      <c r="L152" s="3" t="s">
        <v>33</v>
      </c>
      <c r="M152" s="3" t="s">
        <v>881</v>
      </c>
      <c r="N152" s="3" t="s">
        <v>74</v>
      </c>
      <c r="O152" s="3" t="s">
        <v>143</v>
      </c>
      <c r="P152" s="3" t="s">
        <v>37</v>
      </c>
      <c r="Q152" s="3" t="s">
        <v>37</v>
      </c>
      <c r="R152" s="3" t="s">
        <v>38</v>
      </c>
      <c r="S152" s="3" t="s">
        <v>898</v>
      </c>
      <c r="T152" s="3" t="s">
        <v>37</v>
      </c>
      <c r="U152" s="3" t="s">
        <v>37</v>
      </c>
      <c r="V152" s="3" t="s">
        <v>37</v>
      </c>
    </row>
    <row r="153" spans="1:22" x14ac:dyDescent="0.25">
      <c r="A153" s="3" t="s">
        <v>853</v>
      </c>
      <c r="B153" s="4" t="s">
        <v>536</v>
      </c>
      <c r="C153" s="3" t="s">
        <v>537</v>
      </c>
      <c r="D153" s="5" t="s">
        <v>871</v>
      </c>
      <c r="E153" s="3" t="s">
        <v>877</v>
      </c>
      <c r="F153" s="3" t="s">
        <v>899</v>
      </c>
      <c r="G153" s="3" t="s">
        <v>248</v>
      </c>
      <c r="H153" s="3" t="s">
        <v>65</v>
      </c>
      <c r="I153" s="3" t="s">
        <v>879</v>
      </c>
      <c r="J153" s="3" t="s">
        <v>900</v>
      </c>
      <c r="K153" s="3" t="s">
        <v>32</v>
      </c>
      <c r="L153" s="3" t="s">
        <v>33</v>
      </c>
      <c r="M153" s="3" t="s">
        <v>881</v>
      </c>
      <c r="N153" s="3" t="s">
        <v>74</v>
      </c>
      <c r="O153" s="3" t="s">
        <v>143</v>
      </c>
      <c r="P153" s="3" t="s">
        <v>37</v>
      </c>
      <c r="Q153" s="3" t="s">
        <v>37</v>
      </c>
      <c r="R153" s="3" t="s">
        <v>38</v>
      </c>
      <c r="S153" s="3" t="s">
        <v>901</v>
      </c>
      <c r="T153" s="3" t="s">
        <v>37</v>
      </c>
      <c r="U153" s="3" t="s">
        <v>37</v>
      </c>
      <c r="V153" s="3" t="s">
        <v>37</v>
      </c>
    </row>
    <row r="154" spans="1:22" x14ac:dyDescent="0.25">
      <c r="A154" s="3" t="s">
        <v>853</v>
      </c>
      <c r="B154" s="4" t="s">
        <v>536</v>
      </c>
      <c r="C154" s="3" t="s">
        <v>537</v>
      </c>
      <c r="D154" s="5" t="s">
        <v>627</v>
      </c>
      <c r="E154" s="3" t="s">
        <v>877</v>
      </c>
      <c r="F154" s="3" t="s">
        <v>926</v>
      </c>
      <c r="G154" s="3" t="s">
        <v>253</v>
      </c>
      <c r="H154" s="3" t="s">
        <v>65</v>
      </c>
      <c r="I154" s="3" t="s">
        <v>879</v>
      </c>
      <c r="J154" s="3" t="s">
        <v>927</v>
      </c>
      <c r="K154" s="3" t="s">
        <v>32</v>
      </c>
      <c r="L154" s="3" t="s">
        <v>33</v>
      </c>
      <c r="M154" s="3" t="s">
        <v>881</v>
      </c>
      <c r="N154" s="3" t="s">
        <v>74</v>
      </c>
      <c r="O154" s="3" t="s">
        <v>143</v>
      </c>
      <c r="P154" s="3" t="s">
        <v>37</v>
      </c>
      <c r="Q154" s="3" t="s">
        <v>37</v>
      </c>
      <c r="R154" s="3" t="s">
        <v>38</v>
      </c>
      <c r="S154" s="3" t="s">
        <v>928</v>
      </c>
      <c r="T154" s="3" t="s">
        <v>37</v>
      </c>
      <c r="U154" s="3" t="s">
        <v>37</v>
      </c>
      <c r="V154" s="3" t="s">
        <v>37</v>
      </c>
    </row>
    <row r="155" spans="1:22" x14ac:dyDescent="0.25">
      <c r="A155" s="3" t="s">
        <v>853</v>
      </c>
      <c r="B155" s="4" t="s">
        <v>536</v>
      </c>
      <c r="C155" s="3" t="s">
        <v>537</v>
      </c>
      <c r="D155" s="5" t="s">
        <v>408</v>
      </c>
      <c r="E155" s="3" t="s">
        <v>877</v>
      </c>
      <c r="F155" s="3" t="s">
        <v>1172</v>
      </c>
      <c r="G155" s="3" t="s">
        <v>495</v>
      </c>
      <c r="H155" s="3" t="s">
        <v>65</v>
      </c>
      <c r="I155" s="3" t="s">
        <v>879</v>
      </c>
      <c r="J155" s="3" t="s">
        <v>1173</v>
      </c>
      <c r="K155" s="3" t="s">
        <v>32</v>
      </c>
      <c r="L155" s="3" t="s">
        <v>33</v>
      </c>
      <c r="M155" s="3" t="s">
        <v>881</v>
      </c>
      <c r="N155" s="3" t="s">
        <v>74</v>
      </c>
      <c r="O155" s="3" t="s">
        <v>143</v>
      </c>
      <c r="P155" s="3" t="s">
        <v>37</v>
      </c>
      <c r="Q155" s="3" t="s">
        <v>37</v>
      </c>
      <c r="R155" s="3" t="s">
        <v>38</v>
      </c>
      <c r="S155" s="3" t="s">
        <v>1174</v>
      </c>
      <c r="T155" s="3" t="s">
        <v>37</v>
      </c>
      <c r="U155" s="3" t="s">
        <v>37</v>
      </c>
      <c r="V155" s="3" t="s">
        <v>37</v>
      </c>
    </row>
    <row r="156" spans="1:22" x14ac:dyDescent="0.25">
      <c r="A156" s="3" t="s">
        <v>853</v>
      </c>
      <c r="B156" s="4" t="s">
        <v>536</v>
      </c>
      <c r="C156" s="3" t="s">
        <v>537</v>
      </c>
      <c r="D156" s="5" t="s">
        <v>876</v>
      </c>
      <c r="E156" s="3" t="s">
        <v>499</v>
      </c>
      <c r="F156" s="3" t="s">
        <v>1310</v>
      </c>
      <c r="G156" s="3" t="s">
        <v>516</v>
      </c>
      <c r="H156" s="3" t="s">
        <v>29</v>
      </c>
      <c r="I156" s="3" t="s">
        <v>502</v>
      </c>
      <c r="J156" s="3" t="s">
        <v>1311</v>
      </c>
      <c r="K156" s="3" t="s">
        <v>32</v>
      </c>
      <c r="L156" s="3" t="s">
        <v>37</v>
      </c>
      <c r="M156" s="3" t="s">
        <v>34</v>
      </c>
      <c r="N156" s="3" t="s">
        <v>142</v>
      </c>
      <c r="O156" s="3" t="s">
        <v>179</v>
      </c>
      <c r="P156" s="3" t="s">
        <v>37</v>
      </c>
      <c r="Q156" s="3" t="s">
        <v>37</v>
      </c>
      <c r="R156" s="3" t="s">
        <v>38</v>
      </c>
      <c r="S156" s="3" t="s">
        <v>1312</v>
      </c>
      <c r="T156" s="3" t="s">
        <v>37</v>
      </c>
      <c r="U156" s="3" t="s">
        <v>37</v>
      </c>
      <c r="V156" s="3" t="s">
        <v>37</v>
      </c>
    </row>
    <row r="157" spans="1:22" x14ac:dyDescent="0.25">
      <c r="A157" s="3" t="s">
        <v>853</v>
      </c>
      <c r="B157" s="4" t="s">
        <v>536</v>
      </c>
      <c r="C157" s="3" t="s">
        <v>537</v>
      </c>
      <c r="D157" s="5" t="s">
        <v>891</v>
      </c>
      <c r="E157" s="3" t="s">
        <v>872</v>
      </c>
      <c r="F157" s="3" t="s">
        <v>1191</v>
      </c>
      <c r="G157" s="3" t="s">
        <v>546</v>
      </c>
      <c r="H157" s="3" t="s">
        <v>65</v>
      </c>
      <c r="I157" s="3" t="s">
        <v>37</v>
      </c>
      <c r="J157" s="3" t="s">
        <v>1192</v>
      </c>
      <c r="K157" s="3" t="s">
        <v>32</v>
      </c>
      <c r="L157" s="3" t="s">
        <v>33</v>
      </c>
      <c r="M157" s="3" t="s">
        <v>67</v>
      </c>
      <c r="N157" s="3" t="s">
        <v>52</v>
      </c>
      <c r="O157" s="3" t="s">
        <v>53</v>
      </c>
      <c r="P157" s="3" t="s">
        <v>37</v>
      </c>
      <c r="Q157" s="3" t="s">
        <v>37</v>
      </c>
      <c r="R157" s="3" t="s">
        <v>38</v>
      </c>
      <c r="S157" s="3" t="s">
        <v>1193</v>
      </c>
      <c r="T157" s="3" t="s">
        <v>37</v>
      </c>
      <c r="U157" s="3" t="s">
        <v>37</v>
      </c>
      <c r="V157" s="3" t="s">
        <v>37</v>
      </c>
    </row>
    <row r="158" spans="1:22" x14ac:dyDescent="0.25">
      <c r="A158" s="3" t="s">
        <v>853</v>
      </c>
      <c r="B158" s="4" t="s">
        <v>536</v>
      </c>
      <c r="C158" s="3" t="s">
        <v>537</v>
      </c>
      <c r="D158" s="5" t="s">
        <v>902</v>
      </c>
      <c r="E158" s="3" t="s">
        <v>1313</v>
      </c>
      <c r="F158" s="3" t="s">
        <v>37</v>
      </c>
      <c r="G158" s="3">
        <v>1</v>
      </c>
      <c r="H158" s="3">
        <v>0</v>
      </c>
      <c r="I158" s="3" t="s">
        <v>1314</v>
      </c>
      <c r="J158" s="3" t="s">
        <v>1315</v>
      </c>
      <c r="K158" s="3" t="s">
        <v>33</v>
      </c>
      <c r="L158" s="3" t="s">
        <v>33</v>
      </c>
      <c r="M158" s="3" t="s">
        <v>67</v>
      </c>
      <c r="N158" s="3" t="s">
        <v>1316</v>
      </c>
      <c r="O158" s="3" t="s">
        <v>111</v>
      </c>
      <c r="P158" s="3" t="s">
        <v>37</v>
      </c>
      <c r="Q158" s="3" t="s">
        <v>37</v>
      </c>
      <c r="R158" s="3" t="s">
        <v>38</v>
      </c>
      <c r="S158" s="3" t="s">
        <v>1317</v>
      </c>
      <c r="T158" s="3" t="s">
        <v>37</v>
      </c>
      <c r="U158" s="3" t="s">
        <v>37</v>
      </c>
      <c r="V158" s="3" t="s">
        <v>37</v>
      </c>
    </row>
    <row r="159" spans="1:22" x14ac:dyDescent="0.25">
      <c r="A159" s="3" t="s">
        <v>853</v>
      </c>
      <c r="B159" s="4" t="s">
        <v>536</v>
      </c>
      <c r="C159" s="3" t="s">
        <v>537</v>
      </c>
      <c r="D159" s="5" t="s">
        <v>910</v>
      </c>
      <c r="E159" s="3" t="s">
        <v>872</v>
      </c>
      <c r="F159" s="3" t="s">
        <v>1318</v>
      </c>
      <c r="G159" s="3" t="s">
        <v>229</v>
      </c>
      <c r="H159" s="3" t="s">
        <v>65</v>
      </c>
      <c r="I159" s="3" t="s">
        <v>37</v>
      </c>
      <c r="J159" s="7" t="s">
        <v>1319</v>
      </c>
      <c r="K159" s="3" t="s">
        <v>32</v>
      </c>
      <c r="L159" s="3" t="s">
        <v>33</v>
      </c>
      <c r="M159" s="3" t="s">
        <v>67</v>
      </c>
      <c r="N159" s="3" t="s">
        <v>52</v>
      </c>
      <c r="O159" s="3" t="s">
        <v>53</v>
      </c>
      <c r="P159" s="3" t="s">
        <v>37</v>
      </c>
      <c r="Q159" s="3" t="s">
        <v>37</v>
      </c>
      <c r="R159" s="3" t="s">
        <v>38</v>
      </c>
      <c r="S159" s="3" t="s">
        <v>1320</v>
      </c>
      <c r="T159" s="3" t="s">
        <v>37</v>
      </c>
      <c r="U159" s="3" t="s">
        <v>37</v>
      </c>
      <c r="V159" s="3" t="s">
        <v>37</v>
      </c>
    </row>
    <row r="160" spans="1:22" x14ac:dyDescent="0.25">
      <c r="A160" s="3" t="s">
        <v>853</v>
      </c>
      <c r="B160" s="4" t="s">
        <v>536</v>
      </c>
      <c r="C160" s="3" t="s">
        <v>537</v>
      </c>
      <c r="D160" s="5" t="s">
        <v>914</v>
      </c>
      <c r="E160" s="3" t="s">
        <v>872</v>
      </c>
      <c r="F160" s="3" t="s">
        <v>1321</v>
      </c>
      <c r="G160" s="3" t="s">
        <v>204</v>
      </c>
      <c r="H160" s="3" t="s">
        <v>65</v>
      </c>
      <c r="I160" s="3" t="s">
        <v>37</v>
      </c>
      <c r="J160" s="3" t="s">
        <v>1322</v>
      </c>
      <c r="K160" s="3" t="s">
        <v>32</v>
      </c>
      <c r="L160" s="3" t="s">
        <v>33</v>
      </c>
      <c r="M160" s="3" t="s">
        <v>67</v>
      </c>
      <c r="N160" s="3" t="s">
        <v>52</v>
      </c>
      <c r="O160" s="3" t="s">
        <v>53</v>
      </c>
      <c r="P160" s="3" t="s">
        <v>37</v>
      </c>
      <c r="Q160" s="3" t="s">
        <v>37</v>
      </c>
      <c r="R160" s="3" t="s">
        <v>38</v>
      </c>
      <c r="S160" s="3" t="s">
        <v>1323</v>
      </c>
      <c r="T160" s="3" t="s">
        <v>37</v>
      </c>
      <c r="U160" s="3" t="s">
        <v>37</v>
      </c>
      <c r="V160" s="3" t="s">
        <v>37</v>
      </c>
    </row>
    <row r="161" spans="1:22" x14ac:dyDescent="0.25">
      <c r="A161" s="3" t="s">
        <v>853</v>
      </c>
      <c r="B161" s="4" t="s">
        <v>536</v>
      </c>
      <c r="C161" s="3" t="s">
        <v>537</v>
      </c>
      <c r="D161" s="5" t="s">
        <v>102</v>
      </c>
      <c r="E161" s="3" t="s">
        <v>872</v>
      </c>
      <c r="F161" s="3" t="s">
        <v>1324</v>
      </c>
      <c r="G161" s="3" t="s">
        <v>360</v>
      </c>
      <c r="H161" s="3" t="s">
        <v>65</v>
      </c>
      <c r="I161" s="3" t="s">
        <v>37</v>
      </c>
      <c r="J161" s="3" t="s">
        <v>1325</v>
      </c>
      <c r="K161" s="3" t="s">
        <v>32</v>
      </c>
      <c r="L161" s="3" t="s">
        <v>33</v>
      </c>
      <c r="M161" s="3" t="s">
        <v>67</v>
      </c>
      <c r="N161" s="3" t="s">
        <v>52</v>
      </c>
      <c r="O161" s="3" t="s">
        <v>53</v>
      </c>
      <c r="P161" s="3" t="s">
        <v>37</v>
      </c>
      <c r="Q161" s="3" t="s">
        <v>37</v>
      </c>
      <c r="R161" s="3" t="s">
        <v>38</v>
      </c>
      <c r="S161" s="3" t="s">
        <v>1326</v>
      </c>
      <c r="T161" s="3" t="s">
        <v>37</v>
      </c>
      <c r="U161" s="3" t="s">
        <v>37</v>
      </c>
      <c r="V161" s="3" t="s">
        <v>37</v>
      </c>
    </row>
    <row r="162" spans="1:22" x14ac:dyDescent="0.25">
      <c r="A162" s="3" t="s">
        <v>853</v>
      </c>
      <c r="B162" s="4" t="s">
        <v>536</v>
      </c>
      <c r="C162" s="3" t="s">
        <v>537</v>
      </c>
      <c r="D162" s="5" t="s">
        <v>1194</v>
      </c>
      <c r="E162" s="3" t="s">
        <v>872</v>
      </c>
      <c r="F162" s="3" t="s">
        <v>911</v>
      </c>
      <c r="G162" s="3" t="s">
        <v>99</v>
      </c>
      <c r="H162" s="3" t="s">
        <v>65</v>
      </c>
      <c r="I162" s="3" t="s">
        <v>37</v>
      </c>
      <c r="J162" s="3" t="s">
        <v>912</v>
      </c>
      <c r="K162" s="3" t="s">
        <v>32</v>
      </c>
      <c r="L162" s="3" t="s">
        <v>33</v>
      </c>
      <c r="M162" s="3" t="s">
        <v>67</v>
      </c>
      <c r="N162" s="3" t="s">
        <v>52</v>
      </c>
      <c r="O162" s="3" t="s">
        <v>53</v>
      </c>
      <c r="P162" s="3" t="s">
        <v>37</v>
      </c>
      <c r="Q162" s="3" t="s">
        <v>37</v>
      </c>
      <c r="R162" s="3" t="s">
        <v>38</v>
      </c>
      <c r="S162" s="3" t="s">
        <v>913</v>
      </c>
      <c r="T162" s="3" t="s">
        <v>37</v>
      </c>
      <c r="U162" s="3" t="s">
        <v>37</v>
      </c>
      <c r="V162" s="3" t="s">
        <v>37</v>
      </c>
    </row>
    <row r="163" spans="1:22" x14ac:dyDescent="0.25">
      <c r="A163" s="3" t="s">
        <v>853</v>
      </c>
      <c r="B163" s="4" t="s">
        <v>536</v>
      </c>
      <c r="C163" s="3" t="s">
        <v>537</v>
      </c>
      <c r="D163" s="5" t="s">
        <v>925</v>
      </c>
      <c r="E163" s="3" t="s">
        <v>499</v>
      </c>
      <c r="F163" s="3" t="s">
        <v>768</v>
      </c>
      <c r="G163" s="3" t="s">
        <v>769</v>
      </c>
      <c r="H163" s="3" t="s">
        <v>49</v>
      </c>
      <c r="I163" s="3" t="s">
        <v>502</v>
      </c>
      <c r="J163" s="3" t="s">
        <v>770</v>
      </c>
      <c r="K163" s="3" t="s">
        <v>32</v>
      </c>
      <c r="L163" s="3" t="s">
        <v>33</v>
      </c>
      <c r="M163" s="3" t="s">
        <v>34</v>
      </c>
      <c r="N163" s="3" t="s">
        <v>74</v>
      </c>
      <c r="O163" s="3" t="s">
        <v>179</v>
      </c>
      <c r="P163" s="3" t="s">
        <v>37</v>
      </c>
      <c r="Q163" s="3" t="s">
        <v>37</v>
      </c>
      <c r="R163" s="3" t="s">
        <v>38</v>
      </c>
      <c r="S163" s="3" t="s">
        <v>771</v>
      </c>
      <c r="T163" s="3" t="s">
        <v>37</v>
      </c>
      <c r="U163" s="3" t="s">
        <v>37</v>
      </c>
      <c r="V163" s="3" t="s">
        <v>37</v>
      </c>
    </row>
    <row r="164" spans="1:22" x14ac:dyDescent="0.25">
      <c r="A164" s="3" t="s">
        <v>853</v>
      </c>
      <c r="B164" s="4" t="s">
        <v>536</v>
      </c>
      <c r="C164" s="3" t="s">
        <v>537</v>
      </c>
      <c r="D164" s="5" t="s">
        <v>937</v>
      </c>
      <c r="E164" s="3" t="s">
        <v>499</v>
      </c>
      <c r="F164" s="3" t="s">
        <v>1327</v>
      </c>
      <c r="G164" s="3" t="s">
        <v>42</v>
      </c>
      <c r="H164" s="3" t="s">
        <v>29</v>
      </c>
      <c r="I164" s="3" t="s">
        <v>502</v>
      </c>
      <c r="J164" s="3" t="s">
        <v>1328</v>
      </c>
      <c r="K164" s="3" t="s">
        <v>32</v>
      </c>
      <c r="L164" s="3" t="s">
        <v>37</v>
      </c>
      <c r="M164" s="3" t="s">
        <v>34</v>
      </c>
      <c r="N164" s="3" t="s">
        <v>142</v>
      </c>
      <c r="O164" s="3" t="s">
        <v>179</v>
      </c>
      <c r="P164" s="3" t="s">
        <v>37</v>
      </c>
      <c r="Q164" s="3" t="s">
        <v>37</v>
      </c>
      <c r="R164" s="3" t="s">
        <v>38</v>
      </c>
      <c r="S164" s="3" t="s">
        <v>1329</v>
      </c>
      <c r="T164" s="3" t="s">
        <v>37</v>
      </c>
      <c r="U164" s="3" t="s">
        <v>37</v>
      </c>
      <c r="V164" s="3" t="s">
        <v>37</v>
      </c>
    </row>
    <row r="165" spans="1:22" x14ac:dyDescent="0.25">
      <c r="A165" s="3" t="s">
        <v>853</v>
      </c>
      <c r="B165" s="4" t="s">
        <v>536</v>
      </c>
      <c r="C165" s="3" t="s">
        <v>537</v>
      </c>
      <c r="D165" s="5" t="s">
        <v>113</v>
      </c>
      <c r="E165" s="3" t="s">
        <v>499</v>
      </c>
      <c r="F165" s="3" t="s">
        <v>1330</v>
      </c>
      <c r="G165" s="3" t="s">
        <v>1077</v>
      </c>
      <c r="H165" s="3" t="s">
        <v>29</v>
      </c>
      <c r="I165" s="3" t="s">
        <v>502</v>
      </c>
      <c r="J165" s="3" t="s">
        <v>1331</v>
      </c>
      <c r="K165" s="3" t="s">
        <v>32</v>
      </c>
      <c r="L165" s="3" t="s">
        <v>37</v>
      </c>
      <c r="M165" s="3" t="s">
        <v>34</v>
      </c>
      <c r="N165" s="3" t="s">
        <v>142</v>
      </c>
      <c r="O165" s="3" t="s">
        <v>179</v>
      </c>
      <c r="P165" s="3" t="s">
        <v>37</v>
      </c>
      <c r="Q165" s="3" t="s">
        <v>37</v>
      </c>
      <c r="R165" s="3" t="s">
        <v>38</v>
      </c>
      <c r="S165" s="3" t="s">
        <v>1332</v>
      </c>
      <c r="T165" s="3" t="s">
        <v>37</v>
      </c>
      <c r="U165" s="3" t="s">
        <v>37</v>
      </c>
      <c r="V165" s="3" t="s">
        <v>37</v>
      </c>
    </row>
    <row r="166" spans="1:22" x14ac:dyDescent="0.25">
      <c r="A166" s="3" t="s">
        <v>853</v>
      </c>
      <c r="B166" s="4" t="s">
        <v>536</v>
      </c>
      <c r="C166" s="3" t="s">
        <v>537</v>
      </c>
      <c r="D166" s="5" t="s">
        <v>458</v>
      </c>
      <c r="E166" s="3" t="s">
        <v>499</v>
      </c>
      <c r="F166" s="3" t="s">
        <v>1333</v>
      </c>
      <c r="G166" s="3" t="s">
        <v>434</v>
      </c>
      <c r="H166" s="3" t="s">
        <v>29</v>
      </c>
      <c r="I166" s="3" t="s">
        <v>502</v>
      </c>
      <c r="J166" s="3" t="s">
        <v>1334</v>
      </c>
      <c r="K166" s="3" t="s">
        <v>32</v>
      </c>
      <c r="L166" s="3" t="s">
        <v>33</v>
      </c>
      <c r="M166" s="3" t="s">
        <v>34</v>
      </c>
      <c r="N166" s="3" t="s">
        <v>142</v>
      </c>
      <c r="O166" s="3" t="s">
        <v>179</v>
      </c>
      <c r="P166" s="3" t="s">
        <v>37</v>
      </c>
      <c r="Q166" s="3" t="s">
        <v>37</v>
      </c>
      <c r="R166" s="3" t="s">
        <v>38</v>
      </c>
      <c r="S166" s="3" t="s">
        <v>1335</v>
      </c>
      <c r="T166" s="3" t="s">
        <v>37</v>
      </c>
      <c r="U166" s="3" t="s">
        <v>37</v>
      </c>
      <c r="V166" s="3" t="s">
        <v>37</v>
      </c>
    </row>
    <row r="167" spans="1:22" x14ac:dyDescent="0.25">
      <c r="A167" s="3" t="s">
        <v>853</v>
      </c>
      <c r="B167" s="4" t="s">
        <v>536</v>
      </c>
      <c r="C167" s="3" t="s">
        <v>537</v>
      </c>
      <c r="D167" s="5" t="s">
        <v>124</v>
      </c>
      <c r="E167" s="3" t="s">
        <v>877</v>
      </c>
      <c r="F167" s="3" t="s">
        <v>934</v>
      </c>
      <c r="G167" s="3" t="s">
        <v>65</v>
      </c>
      <c r="H167" s="3" t="s">
        <v>65</v>
      </c>
      <c r="I167" s="3" t="s">
        <v>879</v>
      </c>
      <c r="J167" s="3" t="s">
        <v>935</v>
      </c>
      <c r="K167" s="3" t="s">
        <v>32</v>
      </c>
      <c r="L167" s="3" t="s">
        <v>33</v>
      </c>
      <c r="M167" s="3" t="s">
        <v>881</v>
      </c>
      <c r="N167" s="3" t="s">
        <v>74</v>
      </c>
      <c r="O167" s="3" t="s">
        <v>143</v>
      </c>
      <c r="P167" s="3" t="s">
        <v>37</v>
      </c>
      <c r="Q167" s="3" t="s">
        <v>37</v>
      </c>
      <c r="R167" s="3" t="s">
        <v>38</v>
      </c>
      <c r="S167" s="3" t="s">
        <v>936</v>
      </c>
      <c r="T167" s="3" t="s">
        <v>37</v>
      </c>
      <c r="U167" s="3" t="s">
        <v>37</v>
      </c>
      <c r="V167" s="3" t="s">
        <v>37</v>
      </c>
    </row>
    <row r="168" spans="1:22" x14ac:dyDescent="0.25">
      <c r="A168" s="3" t="s">
        <v>853</v>
      </c>
      <c r="B168" s="4" t="s">
        <v>536</v>
      </c>
      <c r="C168" s="3" t="s">
        <v>537</v>
      </c>
      <c r="D168" s="5" t="s">
        <v>661</v>
      </c>
      <c r="E168" s="3" t="s">
        <v>877</v>
      </c>
      <c r="F168" s="3" t="s">
        <v>938</v>
      </c>
      <c r="G168" s="3" t="s">
        <v>475</v>
      </c>
      <c r="H168" s="3" t="s">
        <v>65</v>
      </c>
      <c r="I168" s="3" t="s">
        <v>879</v>
      </c>
      <c r="J168" s="3" t="s">
        <v>939</v>
      </c>
      <c r="K168" s="3" t="s">
        <v>32</v>
      </c>
      <c r="L168" s="3" t="s">
        <v>33</v>
      </c>
      <c r="M168" s="3" t="s">
        <v>881</v>
      </c>
      <c r="N168" s="3" t="s">
        <v>74</v>
      </c>
      <c r="O168" s="3" t="s">
        <v>143</v>
      </c>
      <c r="P168" s="3" t="s">
        <v>37</v>
      </c>
      <c r="Q168" s="3" t="s">
        <v>37</v>
      </c>
      <c r="R168" s="3" t="s">
        <v>38</v>
      </c>
      <c r="S168" s="3" t="s">
        <v>940</v>
      </c>
      <c r="T168" s="3" t="s">
        <v>37</v>
      </c>
      <c r="U168" s="3" t="s">
        <v>37</v>
      </c>
      <c r="V168" s="3" t="s">
        <v>37</v>
      </c>
    </row>
    <row r="169" spans="1:22" x14ac:dyDescent="0.25">
      <c r="A169" s="3" t="s">
        <v>853</v>
      </c>
      <c r="B169" s="4" t="s">
        <v>536</v>
      </c>
      <c r="C169" s="3" t="s">
        <v>537</v>
      </c>
      <c r="D169" s="5" t="s">
        <v>977</v>
      </c>
      <c r="E169" s="3" t="s">
        <v>877</v>
      </c>
      <c r="F169" s="3" t="s">
        <v>942</v>
      </c>
      <c r="G169" s="3" t="s">
        <v>194</v>
      </c>
      <c r="H169" s="3" t="s">
        <v>65</v>
      </c>
      <c r="I169" s="3" t="s">
        <v>879</v>
      </c>
      <c r="J169" s="3" t="s">
        <v>943</v>
      </c>
      <c r="K169" s="3" t="s">
        <v>32</v>
      </c>
      <c r="L169" s="3" t="s">
        <v>33</v>
      </c>
      <c r="M169" s="3" t="s">
        <v>881</v>
      </c>
      <c r="N169" s="3" t="s">
        <v>74</v>
      </c>
      <c r="O169" s="3" t="s">
        <v>143</v>
      </c>
      <c r="P169" s="3" t="s">
        <v>37</v>
      </c>
      <c r="Q169" s="3" t="s">
        <v>37</v>
      </c>
      <c r="R169" s="3" t="s">
        <v>38</v>
      </c>
      <c r="S169" s="3" t="s">
        <v>944</v>
      </c>
      <c r="T169" s="3" t="s">
        <v>37</v>
      </c>
      <c r="U169" s="3" t="s">
        <v>37</v>
      </c>
      <c r="V169" s="3" t="s">
        <v>37</v>
      </c>
    </row>
    <row r="170" spans="1:22" x14ac:dyDescent="0.25">
      <c r="A170" s="3" t="s">
        <v>853</v>
      </c>
      <c r="B170" s="4" t="s">
        <v>536</v>
      </c>
      <c r="C170" s="3" t="s">
        <v>537</v>
      </c>
      <c r="D170" s="5" t="s">
        <v>981</v>
      </c>
      <c r="E170" s="3" t="s">
        <v>877</v>
      </c>
      <c r="F170" s="3" t="s">
        <v>946</v>
      </c>
      <c r="G170" s="3" t="s">
        <v>420</v>
      </c>
      <c r="H170" s="3" t="s">
        <v>65</v>
      </c>
      <c r="I170" s="3" t="s">
        <v>879</v>
      </c>
      <c r="J170" s="3" t="s">
        <v>947</v>
      </c>
      <c r="K170" s="3" t="s">
        <v>32</v>
      </c>
      <c r="L170" s="3" t="s">
        <v>33</v>
      </c>
      <c r="M170" s="3" t="s">
        <v>881</v>
      </c>
      <c r="N170" s="3" t="s">
        <v>74</v>
      </c>
      <c r="O170" s="3" t="s">
        <v>143</v>
      </c>
      <c r="P170" s="3" t="s">
        <v>37</v>
      </c>
      <c r="Q170" s="3" t="s">
        <v>37</v>
      </c>
      <c r="R170" s="3" t="s">
        <v>38</v>
      </c>
      <c r="S170" s="3" t="s">
        <v>948</v>
      </c>
      <c r="T170" s="3" t="s">
        <v>37</v>
      </c>
      <c r="U170" s="3" t="s">
        <v>37</v>
      </c>
      <c r="V170" s="3" t="s">
        <v>37</v>
      </c>
    </row>
    <row r="171" spans="1:22" x14ac:dyDescent="0.25">
      <c r="A171" s="3" t="s">
        <v>853</v>
      </c>
      <c r="B171" s="4" t="s">
        <v>536</v>
      </c>
      <c r="C171" s="3" t="s">
        <v>537</v>
      </c>
      <c r="D171" s="5" t="s">
        <v>985</v>
      </c>
      <c r="E171" s="3" t="s">
        <v>877</v>
      </c>
      <c r="F171" s="3" t="s">
        <v>949</v>
      </c>
      <c r="G171" s="3" t="s">
        <v>104</v>
      </c>
      <c r="H171" s="3" t="s">
        <v>65</v>
      </c>
      <c r="I171" s="3" t="s">
        <v>879</v>
      </c>
      <c r="J171" s="3" t="s">
        <v>950</v>
      </c>
      <c r="K171" s="3" t="s">
        <v>32</v>
      </c>
      <c r="L171" s="3" t="s">
        <v>33</v>
      </c>
      <c r="M171" s="3" t="s">
        <v>881</v>
      </c>
      <c r="N171" s="3" t="s">
        <v>74</v>
      </c>
      <c r="O171" s="3" t="s">
        <v>143</v>
      </c>
      <c r="P171" s="3" t="s">
        <v>37</v>
      </c>
      <c r="Q171" s="3" t="s">
        <v>37</v>
      </c>
      <c r="R171" s="3" t="s">
        <v>38</v>
      </c>
      <c r="S171" s="3" t="s">
        <v>951</v>
      </c>
      <c r="T171" s="3" t="s">
        <v>37</v>
      </c>
      <c r="U171" s="3" t="s">
        <v>37</v>
      </c>
      <c r="V171" s="3" t="s">
        <v>37</v>
      </c>
    </row>
    <row r="172" spans="1:22" x14ac:dyDescent="0.25">
      <c r="A172" s="3" t="s">
        <v>853</v>
      </c>
      <c r="B172" s="4" t="s">
        <v>536</v>
      </c>
      <c r="C172" s="3" t="s">
        <v>537</v>
      </c>
      <c r="D172" s="5" t="s">
        <v>135</v>
      </c>
      <c r="E172" s="3" t="s">
        <v>877</v>
      </c>
      <c r="F172" s="3" t="s">
        <v>952</v>
      </c>
      <c r="G172" s="3" t="s">
        <v>575</v>
      </c>
      <c r="H172" s="3" t="s">
        <v>65</v>
      </c>
      <c r="I172" s="3" t="s">
        <v>879</v>
      </c>
      <c r="J172" s="3" t="s">
        <v>953</v>
      </c>
      <c r="K172" s="3" t="s">
        <v>32</v>
      </c>
      <c r="L172" s="3" t="s">
        <v>33</v>
      </c>
      <c r="M172" s="3" t="s">
        <v>881</v>
      </c>
      <c r="N172" s="3" t="s">
        <v>74</v>
      </c>
      <c r="O172" s="3" t="s">
        <v>143</v>
      </c>
      <c r="P172" s="3" t="s">
        <v>37</v>
      </c>
      <c r="Q172" s="3" t="s">
        <v>37</v>
      </c>
      <c r="R172" s="3" t="s">
        <v>38</v>
      </c>
      <c r="S172" s="3" t="s">
        <v>954</v>
      </c>
      <c r="T172" s="3" t="s">
        <v>37</v>
      </c>
      <c r="U172" s="3" t="s">
        <v>37</v>
      </c>
      <c r="V172" s="3" t="s">
        <v>37</v>
      </c>
    </row>
    <row r="173" spans="1:22" x14ac:dyDescent="0.25">
      <c r="A173" s="3" t="s">
        <v>853</v>
      </c>
      <c r="B173" s="4" t="s">
        <v>536</v>
      </c>
      <c r="C173" s="3" t="s">
        <v>537</v>
      </c>
      <c r="D173" s="5" t="s">
        <v>136</v>
      </c>
      <c r="E173" s="3" t="s">
        <v>877</v>
      </c>
      <c r="F173" s="3" t="s">
        <v>956</v>
      </c>
      <c r="G173" s="3" t="s">
        <v>177</v>
      </c>
      <c r="H173" s="3" t="s">
        <v>65</v>
      </c>
      <c r="I173" s="3" t="s">
        <v>879</v>
      </c>
      <c r="J173" s="3" t="s">
        <v>957</v>
      </c>
      <c r="K173" s="3" t="s">
        <v>32</v>
      </c>
      <c r="L173" s="3" t="s">
        <v>33</v>
      </c>
      <c r="M173" s="3" t="s">
        <v>881</v>
      </c>
      <c r="N173" s="3" t="s">
        <v>74</v>
      </c>
      <c r="O173" s="3" t="s">
        <v>143</v>
      </c>
      <c r="P173" s="3" t="s">
        <v>37</v>
      </c>
      <c r="Q173" s="3" t="s">
        <v>37</v>
      </c>
      <c r="R173" s="3" t="s">
        <v>38</v>
      </c>
      <c r="S173" s="3" t="s">
        <v>958</v>
      </c>
      <c r="T173" s="3" t="s">
        <v>37</v>
      </c>
      <c r="U173" s="3" t="s">
        <v>37</v>
      </c>
      <c r="V173" s="3" t="s">
        <v>37</v>
      </c>
    </row>
    <row r="174" spans="1:22" x14ac:dyDescent="0.25">
      <c r="A174" s="3" t="s">
        <v>853</v>
      </c>
      <c r="B174" s="4" t="s">
        <v>536</v>
      </c>
      <c r="C174" s="3" t="s">
        <v>537</v>
      </c>
      <c r="D174" s="5" t="s">
        <v>1228</v>
      </c>
      <c r="E174" s="3" t="s">
        <v>877</v>
      </c>
      <c r="F174" s="3" t="s">
        <v>959</v>
      </c>
      <c r="G174" s="3" t="s">
        <v>199</v>
      </c>
      <c r="H174" s="3" t="s">
        <v>65</v>
      </c>
      <c r="I174" s="3" t="s">
        <v>879</v>
      </c>
      <c r="J174" s="3" t="s">
        <v>960</v>
      </c>
      <c r="K174" s="3" t="s">
        <v>32</v>
      </c>
      <c r="L174" s="3" t="s">
        <v>33</v>
      </c>
      <c r="M174" s="3" t="s">
        <v>881</v>
      </c>
      <c r="N174" s="3" t="s">
        <v>74</v>
      </c>
      <c r="O174" s="3" t="s">
        <v>143</v>
      </c>
      <c r="P174" s="3" t="s">
        <v>37</v>
      </c>
      <c r="Q174" s="3" t="s">
        <v>37</v>
      </c>
      <c r="R174" s="3" t="s">
        <v>38</v>
      </c>
      <c r="S174" s="3" t="s">
        <v>961</v>
      </c>
      <c r="T174" s="3" t="s">
        <v>37</v>
      </c>
      <c r="U174" s="3" t="s">
        <v>37</v>
      </c>
      <c r="V174" s="3" t="s">
        <v>37</v>
      </c>
    </row>
    <row r="175" spans="1:22" x14ac:dyDescent="0.25">
      <c r="A175" s="3" t="s">
        <v>853</v>
      </c>
      <c r="B175" s="4" t="s">
        <v>536</v>
      </c>
      <c r="C175" s="3" t="s">
        <v>537</v>
      </c>
      <c r="D175" s="5" t="s">
        <v>1232</v>
      </c>
      <c r="E175" s="3" t="s">
        <v>877</v>
      </c>
      <c r="F175" s="3" t="s">
        <v>963</v>
      </c>
      <c r="G175" s="3" t="s">
        <v>582</v>
      </c>
      <c r="H175" s="3" t="s">
        <v>65</v>
      </c>
      <c r="I175" s="3" t="s">
        <v>879</v>
      </c>
      <c r="J175" s="3" t="s">
        <v>964</v>
      </c>
      <c r="K175" s="3" t="s">
        <v>32</v>
      </c>
      <c r="L175" s="3" t="s">
        <v>33</v>
      </c>
      <c r="M175" s="3" t="s">
        <v>881</v>
      </c>
      <c r="N175" s="3" t="s">
        <v>74</v>
      </c>
      <c r="O175" s="3" t="s">
        <v>143</v>
      </c>
      <c r="P175" s="3" t="s">
        <v>37</v>
      </c>
      <c r="Q175" s="3" t="s">
        <v>37</v>
      </c>
      <c r="R175" s="3" t="s">
        <v>38</v>
      </c>
      <c r="S175" s="3" t="s">
        <v>965</v>
      </c>
      <c r="T175" s="3" t="s">
        <v>37</v>
      </c>
      <c r="U175" s="3" t="s">
        <v>37</v>
      </c>
      <c r="V175" s="3" t="s">
        <v>37</v>
      </c>
    </row>
    <row r="176" spans="1:22" x14ac:dyDescent="0.25">
      <c r="A176" s="3" t="s">
        <v>853</v>
      </c>
      <c r="B176" s="4" t="s">
        <v>536</v>
      </c>
      <c r="C176" s="3" t="s">
        <v>537</v>
      </c>
      <c r="D176" s="5" t="s">
        <v>150</v>
      </c>
      <c r="E176" s="3" t="s">
        <v>877</v>
      </c>
      <c r="F176" s="3" t="s">
        <v>967</v>
      </c>
      <c r="G176" s="3" t="s">
        <v>83</v>
      </c>
      <c r="H176" s="3" t="s">
        <v>65</v>
      </c>
      <c r="I176" s="3" t="s">
        <v>879</v>
      </c>
      <c r="J176" s="8" t="s">
        <v>968</v>
      </c>
      <c r="K176" s="3" t="s">
        <v>32</v>
      </c>
      <c r="L176" s="3" t="s">
        <v>33</v>
      </c>
      <c r="M176" s="3" t="s">
        <v>881</v>
      </c>
      <c r="N176" s="3" t="s">
        <v>74</v>
      </c>
      <c r="O176" s="3" t="s">
        <v>969</v>
      </c>
      <c r="P176" s="3" t="s">
        <v>37</v>
      </c>
      <c r="Q176" s="3" t="s">
        <v>37</v>
      </c>
      <c r="R176" s="3" t="s">
        <v>38</v>
      </c>
      <c r="S176" s="3" t="s">
        <v>970</v>
      </c>
      <c r="T176" s="3" t="s">
        <v>37</v>
      </c>
      <c r="U176" s="3" t="s">
        <v>37</v>
      </c>
      <c r="V176" s="3" t="s">
        <v>37</v>
      </c>
    </row>
    <row r="177" spans="1:22" x14ac:dyDescent="0.25">
      <c r="A177" s="3" t="s">
        <v>853</v>
      </c>
      <c r="B177" s="4" t="s">
        <v>536</v>
      </c>
      <c r="C177" s="3" t="s">
        <v>537</v>
      </c>
      <c r="D177" s="5" t="s">
        <v>473</v>
      </c>
      <c r="E177" s="3" t="s">
        <v>877</v>
      </c>
      <c r="F177" s="3" t="s">
        <v>971</v>
      </c>
      <c r="G177" s="3" t="s">
        <v>293</v>
      </c>
      <c r="H177" s="3" t="s">
        <v>65</v>
      </c>
      <c r="I177" s="3" t="s">
        <v>879</v>
      </c>
      <c r="J177" s="3" t="s">
        <v>972</v>
      </c>
      <c r="K177" s="3" t="s">
        <v>32</v>
      </c>
      <c r="L177" s="3" t="s">
        <v>33</v>
      </c>
      <c r="M177" s="3" t="s">
        <v>881</v>
      </c>
      <c r="N177" s="3" t="s">
        <v>74</v>
      </c>
      <c r="O177" s="3" t="s">
        <v>143</v>
      </c>
      <c r="P177" s="3" t="s">
        <v>37</v>
      </c>
      <c r="Q177" s="3" t="s">
        <v>37</v>
      </c>
      <c r="R177" s="3" t="s">
        <v>38</v>
      </c>
      <c r="S177" s="3" t="s">
        <v>973</v>
      </c>
      <c r="T177" s="3" t="s">
        <v>37</v>
      </c>
      <c r="U177" s="3" t="s">
        <v>37</v>
      </c>
      <c r="V177" s="3" t="s">
        <v>37</v>
      </c>
    </row>
    <row r="178" spans="1:22" x14ac:dyDescent="0.25">
      <c r="A178" s="3" t="s">
        <v>853</v>
      </c>
      <c r="B178" s="4" t="s">
        <v>536</v>
      </c>
      <c r="C178" s="3" t="s">
        <v>537</v>
      </c>
      <c r="D178" s="5" t="s">
        <v>1239</v>
      </c>
      <c r="E178" s="3" t="s">
        <v>877</v>
      </c>
      <c r="F178" s="3" t="s">
        <v>974</v>
      </c>
      <c r="G178" s="3" t="s">
        <v>546</v>
      </c>
      <c r="H178" s="3" t="s">
        <v>65</v>
      </c>
      <c r="I178" s="3" t="s">
        <v>879</v>
      </c>
      <c r="J178" s="3" t="s">
        <v>975</v>
      </c>
      <c r="K178" s="3" t="s">
        <v>32</v>
      </c>
      <c r="L178" s="3" t="s">
        <v>33</v>
      </c>
      <c r="M178" s="3" t="s">
        <v>881</v>
      </c>
      <c r="N178" s="3" t="s">
        <v>74</v>
      </c>
      <c r="O178" s="3" t="s">
        <v>143</v>
      </c>
      <c r="P178" s="3" t="s">
        <v>37</v>
      </c>
      <c r="Q178" s="3" t="s">
        <v>37</v>
      </c>
      <c r="R178" s="3" t="s">
        <v>38</v>
      </c>
      <c r="S178" s="3" t="s">
        <v>976</v>
      </c>
      <c r="T178" s="3" t="s">
        <v>37</v>
      </c>
      <c r="U178" s="3" t="s">
        <v>37</v>
      </c>
      <c r="V178" s="3" t="s">
        <v>37</v>
      </c>
    </row>
    <row r="179" spans="1:22" x14ac:dyDescent="0.25">
      <c r="A179" s="3" t="s">
        <v>853</v>
      </c>
      <c r="B179" s="4" t="s">
        <v>536</v>
      </c>
      <c r="C179" s="3" t="s">
        <v>537</v>
      </c>
      <c r="D179" s="5" t="s">
        <v>997</v>
      </c>
      <c r="E179" s="3" t="s">
        <v>877</v>
      </c>
      <c r="F179" s="3" t="s">
        <v>978</v>
      </c>
      <c r="G179" s="3" t="s">
        <v>29</v>
      </c>
      <c r="H179" s="3" t="s">
        <v>65</v>
      </c>
      <c r="I179" s="3" t="s">
        <v>879</v>
      </c>
      <c r="J179" s="3" t="s">
        <v>979</v>
      </c>
      <c r="K179" s="3" t="s">
        <v>32</v>
      </c>
      <c r="L179" s="3" t="s">
        <v>33</v>
      </c>
      <c r="M179" s="3" t="s">
        <v>881</v>
      </c>
      <c r="N179" s="3" t="s">
        <v>74</v>
      </c>
      <c r="O179" s="3" t="s">
        <v>143</v>
      </c>
      <c r="P179" s="3" t="s">
        <v>37</v>
      </c>
      <c r="Q179" s="3" t="s">
        <v>37</v>
      </c>
      <c r="R179" s="3" t="s">
        <v>38</v>
      </c>
      <c r="S179" s="3" t="s">
        <v>980</v>
      </c>
      <c r="T179" s="3" t="s">
        <v>37</v>
      </c>
      <c r="U179" s="3" t="s">
        <v>37</v>
      </c>
      <c r="V179" s="3" t="s">
        <v>37</v>
      </c>
    </row>
    <row r="180" spans="1:22" x14ac:dyDescent="0.25">
      <c r="A180" s="3" t="s">
        <v>853</v>
      </c>
      <c r="B180" s="4" t="s">
        <v>536</v>
      </c>
      <c r="C180" s="3" t="s">
        <v>537</v>
      </c>
      <c r="D180" s="5" t="s">
        <v>159</v>
      </c>
      <c r="E180" s="3" t="s">
        <v>877</v>
      </c>
      <c r="F180" s="3" t="s">
        <v>982</v>
      </c>
      <c r="G180" s="3" t="s">
        <v>524</v>
      </c>
      <c r="H180" s="3" t="s">
        <v>65</v>
      </c>
      <c r="I180" s="3" t="s">
        <v>879</v>
      </c>
      <c r="J180" s="3" t="s">
        <v>983</v>
      </c>
      <c r="K180" s="3" t="s">
        <v>32</v>
      </c>
      <c r="L180" s="3" t="s">
        <v>33</v>
      </c>
      <c r="M180" s="3" t="s">
        <v>881</v>
      </c>
      <c r="N180" s="3" t="s">
        <v>74</v>
      </c>
      <c r="O180" s="3" t="s">
        <v>143</v>
      </c>
      <c r="P180" s="3" t="s">
        <v>37</v>
      </c>
      <c r="Q180" s="3" t="s">
        <v>37</v>
      </c>
      <c r="R180" s="3" t="s">
        <v>38</v>
      </c>
      <c r="S180" s="3" t="s">
        <v>984</v>
      </c>
      <c r="T180" s="3" t="s">
        <v>37</v>
      </c>
      <c r="U180" s="3" t="s">
        <v>37</v>
      </c>
      <c r="V180" s="3" t="s">
        <v>37</v>
      </c>
    </row>
    <row r="181" spans="1:22" x14ac:dyDescent="0.25">
      <c r="A181" s="3" t="s">
        <v>853</v>
      </c>
      <c r="B181" s="4" t="s">
        <v>536</v>
      </c>
      <c r="C181" s="3" t="s">
        <v>537</v>
      </c>
      <c r="D181" s="5" t="s">
        <v>1249</v>
      </c>
      <c r="E181" s="3" t="s">
        <v>877</v>
      </c>
      <c r="F181" s="3" t="s">
        <v>986</v>
      </c>
      <c r="G181" s="3" t="s">
        <v>139</v>
      </c>
      <c r="H181" s="3" t="s">
        <v>65</v>
      </c>
      <c r="I181" s="3" t="s">
        <v>879</v>
      </c>
      <c r="J181" s="8" t="s">
        <v>968</v>
      </c>
      <c r="K181" s="3" t="s">
        <v>32</v>
      </c>
      <c r="L181" s="3" t="s">
        <v>33</v>
      </c>
      <c r="M181" s="3" t="s">
        <v>881</v>
      </c>
      <c r="N181" s="3" t="s">
        <v>74</v>
      </c>
      <c r="O181" s="3" t="s">
        <v>143</v>
      </c>
      <c r="P181" s="3" t="s">
        <v>37</v>
      </c>
      <c r="Q181" s="3" t="s">
        <v>37</v>
      </c>
      <c r="R181" s="3" t="s">
        <v>38</v>
      </c>
      <c r="S181" s="3" t="s">
        <v>987</v>
      </c>
      <c r="T181" s="3" t="s">
        <v>37</v>
      </c>
      <c r="U181" s="3" t="s">
        <v>37</v>
      </c>
      <c r="V181" s="3" t="s">
        <v>37</v>
      </c>
    </row>
    <row r="182" spans="1:22" x14ac:dyDescent="0.25">
      <c r="A182" s="3" t="s">
        <v>853</v>
      </c>
      <c r="B182" s="4" t="s">
        <v>536</v>
      </c>
      <c r="C182" s="3" t="s">
        <v>537</v>
      </c>
      <c r="D182" s="5" t="s">
        <v>1001</v>
      </c>
      <c r="E182" s="3" t="s">
        <v>903</v>
      </c>
      <c r="F182" s="3" t="s">
        <v>904</v>
      </c>
      <c r="G182" s="3" t="s">
        <v>161</v>
      </c>
      <c r="H182" s="3" t="s">
        <v>49</v>
      </c>
      <c r="I182" s="3" t="s">
        <v>37</v>
      </c>
      <c r="J182" s="3" t="s">
        <v>1336</v>
      </c>
      <c r="K182" s="3" t="s">
        <v>32</v>
      </c>
      <c r="L182" s="3" t="s">
        <v>33</v>
      </c>
      <c r="M182" s="3" t="s">
        <v>67</v>
      </c>
      <c r="N182" s="3" t="s">
        <v>74</v>
      </c>
      <c r="O182" s="3" t="s">
        <v>179</v>
      </c>
      <c r="P182" s="3" t="s">
        <v>37</v>
      </c>
      <c r="Q182" s="3" t="s">
        <v>37</v>
      </c>
      <c r="R182" s="3" t="s">
        <v>38</v>
      </c>
      <c r="S182" s="3" t="s">
        <v>1337</v>
      </c>
      <c r="T182" s="3" t="s">
        <v>37</v>
      </c>
      <c r="U182" s="3" t="s">
        <v>37</v>
      </c>
      <c r="V182" s="3" t="s">
        <v>37</v>
      </c>
    </row>
    <row r="183" spans="1:22" x14ac:dyDescent="0.25">
      <c r="A183" s="3" t="s">
        <v>853</v>
      </c>
      <c r="B183" s="4" t="s">
        <v>536</v>
      </c>
      <c r="C183" s="3" t="s">
        <v>537</v>
      </c>
      <c r="D183" s="5" t="s">
        <v>1002</v>
      </c>
      <c r="E183" s="3" t="s">
        <v>1338</v>
      </c>
      <c r="F183" s="3" t="s">
        <v>1339</v>
      </c>
      <c r="G183" s="3" t="s">
        <v>410</v>
      </c>
      <c r="H183" s="3" t="s">
        <v>65</v>
      </c>
      <c r="I183" s="3" t="s">
        <v>1340</v>
      </c>
      <c r="J183" s="3" t="s">
        <v>1341</v>
      </c>
      <c r="K183" s="3" t="s">
        <v>32</v>
      </c>
      <c r="L183" s="3" t="s">
        <v>33</v>
      </c>
      <c r="M183" s="3" t="s">
        <v>67</v>
      </c>
      <c r="N183" s="3" t="s">
        <v>142</v>
      </c>
      <c r="O183" s="3" t="s">
        <v>179</v>
      </c>
      <c r="P183" s="3" t="s">
        <v>37</v>
      </c>
      <c r="Q183" s="3" t="s">
        <v>37</v>
      </c>
      <c r="R183" s="3" t="s">
        <v>38</v>
      </c>
      <c r="S183" s="3" t="s">
        <v>1342</v>
      </c>
      <c r="T183" s="3" t="s">
        <v>37</v>
      </c>
      <c r="U183" s="3" t="s">
        <v>37</v>
      </c>
      <c r="V183" s="3" t="s">
        <v>37</v>
      </c>
    </row>
    <row r="184" spans="1:22" x14ac:dyDescent="0.25">
      <c r="A184" s="3" t="s">
        <v>853</v>
      </c>
      <c r="B184" s="4" t="s">
        <v>536</v>
      </c>
      <c r="C184" s="3" t="s">
        <v>537</v>
      </c>
      <c r="D184" s="5" t="s">
        <v>1006</v>
      </c>
      <c r="E184" s="3" t="s">
        <v>1255</v>
      </c>
      <c r="F184" s="3" t="s">
        <v>1343</v>
      </c>
      <c r="G184" s="3" t="s">
        <v>65</v>
      </c>
      <c r="H184" s="3" t="s">
        <v>65</v>
      </c>
      <c r="I184" s="3" t="s">
        <v>37</v>
      </c>
      <c r="J184" s="3" t="s">
        <v>1257</v>
      </c>
      <c r="K184" s="3" t="s">
        <v>32</v>
      </c>
      <c r="L184" s="3" t="s">
        <v>33</v>
      </c>
      <c r="M184" s="3" t="s">
        <v>67</v>
      </c>
      <c r="N184" s="3" t="s">
        <v>74</v>
      </c>
      <c r="O184" s="3" t="s">
        <v>179</v>
      </c>
      <c r="P184" s="3" t="s">
        <v>37</v>
      </c>
      <c r="Q184" s="3" t="s">
        <v>37</v>
      </c>
      <c r="R184" s="3" t="s">
        <v>38</v>
      </c>
      <c r="S184" s="3" t="s">
        <v>1344</v>
      </c>
      <c r="T184" s="3" t="s">
        <v>37</v>
      </c>
      <c r="U184" s="3" t="s">
        <v>37</v>
      </c>
      <c r="V184" s="3" t="s">
        <v>37</v>
      </c>
    </row>
    <row r="185" spans="1:22" x14ac:dyDescent="0.25">
      <c r="A185" s="3" t="s">
        <v>853</v>
      </c>
      <c r="B185" s="4" t="s">
        <v>536</v>
      </c>
      <c r="C185" s="3" t="s">
        <v>537</v>
      </c>
      <c r="D185" s="5" t="s">
        <v>1261</v>
      </c>
      <c r="E185" s="3" t="s">
        <v>499</v>
      </c>
      <c r="F185" s="3" t="s">
        <v>1037</v>
      </c>
      <c r="G185" s="3" t="s">
        <v>234</v>
      </c>
      <c r="H185" s="3" t="s">
        <v>65</v>
      </c>
      <c r="I185" s="3" t="s">
        <v>1038</v>
      </c>
      <c r="J185" s="3" t="s">
        <v>1039</v>
      </c>
      <c r="K185" s="3" t="s">
        <v>32</v>
      </c>
      <c r="L185" s="3" t="s">
        <v>1031</v>
      </c>
      <c r="M185" s="3" t="s">
        <v>34</v>
      </c>
      <c r="N185" s="3" t="s">
        <v>35</v>
      </c>
      <c r="O185" s="3" t="s">
        <v>179</v>
      </c>
      <c r="P185" s="3" t="s">
        <v>37</v>
      </c>
      <c r="Q185" s="3" t="s">
        <v>37</v>
      </c>
      <c r="R185" s="3" t="s">
        <v>38</v>
      </c>
      <c r="S185" s="3" t="s">
        <v>1040</v>
      </c>
      <c r="T185" s="3" t="s">
        <v>37</v>
      </c>
      <c r="U185" s="3" t="s">
        <v>37</v>
      </c>
      <c r="V185" s="3" t="s">
        <v>37</v>
      </c>
    </row>
    <row r="186" spans="1:22" x14ac:dyDescent="0.25">
      <c r="A186" s="3" t="s">
        <v>853</v>
      </c>
      <c r="B186" s="4" t="s">
        <v>536</v>
      </c>
      <c r="C186" s="3" t="s">
        <v>537</v>
      </c>
      <c r="D186" s="5" t="s">
        <v>1012</v>
      </c>
      <c r="E186" s="3" t="s">
        <v>1013</v>
      </c>
      <c r="F186" s="3" t="s">
        <v>1345</v>
      </c>
      <c r="G186" s="3" t="s">
        <v>582</v>
      </c>
      <c r="H186" s="3" t="s">
        <v>65</v>
      </c>
      <c r="I186" s="3" t="s">
        <v>1015</v>
      </c>
      <c r="J186" s="3" t="s">
        <v>1346</v>
      </c>
      <c r="K186" s="3" t="s">
        <v>32</v>
      </c>
      <c r="L186" s="3" t="s">
        <v>33</v>
      </c>
      <c r="M186" s="3" t="s">
        <v>67</v>
      </c>
      <c r="N186" s="3" t="s">
        <v>35</v>
      </c>
      <c r="O186" s="3" t="s">
        <v>53</v>
      </c>
      <c r="P186" s="3" t="s">
        <v>37</v>
      </c>
      <c r="Q186" s="3" t="s">
        <v>37</v>
      </c>
      <c r="R186" s="3" t="s">
        <v>38</v>
      </c>
      <c r="S186" s="3" t="s">
        <v>1347</v>
      </c>
      <c r="T186" s="3" t="s">
        <v>37</v>
      </c>
      <c r="U186" s="3" t="s">
        <v>37</v>
      </c>
      <c r="V186" s="3" t="s">
        <v>37</v>
      </c>
    </row>
    <row r="187" spans="1:22" x14ac:dyDescent="0.25">
      <c r="A187" s="3" t="s">
        <v>853</v>
      </c>
      <c r="B187" s="4" t="s">
        <v>536</v>
      </c>
      <c r="C187" s="3" t="s">
        <v>537</v>
      </c>
      <c r="D187" s="5" t="s">
        <v>192</v>
      </c>
      <c r="E187" s="3" t="s">
        <v>1018</v>
      </c>
      <c r="F187" s="3" t="s">
        <v>1348</v>
      </c>
      <c r="G187" s="3" t="s">
        <v>1349</v>
      </c>
      <c r="H187" s="3" t="s">
        <v>49</v>
      </c>
      <c r="I187" s="3" t="s">
        <v>1350</v>
      </c>
      <c r="J187" s="3" t="s">
        <v>1351</v>
      </c>
      <c r="K187" s="3" t="s">
        <v>32</v>
      </c>
      <c r="L187" s="3" t="s">
        <v>33</v>
      </c>
      <c r="M187" s="3" t="s">
        <v>67</v>
      </c>
      <c r="N187" s="3" t="s">
        <v>35</v>
      </c>
      <c r="O187" s="3" t="s">
        <v>179</v>
      </c>
      <c r="P187" s="3" t="s">
        <v>37</v>
      </c>
      <c r="Q187" s="3" t="s">
        <v>37</v>
      </c>
      <c r="R187" s="3" t="s">
        <v>38</v>
      </c>
      <c r="S187" s="3" t="s">
        <v>1352</v>
      </c>
      <c r="T187" s="3" t="s">
        <v>37</v>
      </c>
      <c r="U187" s="3" t="s">
        <v>37</v>
      </c>
      <c r="V187" s="3" t="s">
        <v>37</v>
      </c>
    </row>
    <row r="188" spans="1:22" x14ac:dyDescent="0.25">
      <c r="A188" s="3" t="s">
        <v>853</v>
      </c>
      <c r="B188" s="4" t="s">
        <v>536</v>
      </c>
      <c r="C188" s="3" t="s">
        <v>537</v>
      </c>
      <c r="D188" s="5" t="s">
        <v>1023</v>
      </c>
      <c r="E188" s="3" t="s">
        <v>1272</v>
      </c>
      <c r="F188" s="3" t="s">
        <v>1353</v>
      </c>
      <c r="G188" s="3" t="s">
        <v>1354</v>
      </c>
      <c r="H188" s="3" t="s">
        <v>325</v>
      </c>
      <c r="I188" s="3" t="s">
        <v>1355</v>
      </c>
      <c r="J188" s="3" t="s">
        <v>1356</v>
      </c>
      <c r="K188" s="3" t="s">
        <v>32</v>
      </c>
      <c r="L188" s="3" t="s">
        <v>33</v>
      </c>
      <c r="M188" s="3" t="s">
        <v>67</v>
      </c>
      <c r="N188" s="3" t="s">
        <v>117</v>
      </c>
      <c r="O188" s="3" t="s">
        <v>179</v>
      </c>
      <c r="P188" s="3" t="s">
        <v>37</v>
      </c>
      <c r="Q188" s="3" t="s">
        <v>37</v>
      </c>
      <c r="R188" s="3" t="s">
        <v>38</v>
      </c>
      <c r="S188" s="3" t="s">
        <v>1357</v>
      </c>
      <c r="T188" s="3" t="s">
        <v>37</v>
      </c>
      <c r="U188" s="3" t="s">
        <v>37</v>
      </c>
      <c r="V188" s="3" t="s">
        <v>37</v>
      </c>
    </row>
    <row r="189" spans="1:22" x14ac:dyDescent="0.25">
      <c r="A189" s="3" t="s">
        <v>853</v>
      </c>
      <c r="B189" s="4" t="s">
        <v>536</v>
      </c>
      <c r="C189" s="3" t="s">
        <v>537</v>
      </c>
      <c r="D189" s="5" t="s">
        <v>498</v>
      </c>
      <c r="E189" s="3" t="s">
        <v>877</v>
      </c>
      <c r="F189" s="3" t="s">
        <v>988</v>
      </c>
      <c r="G189" s="3" t="s">
        <v>234</v>
      </c>
      <c r="H189" s="3" t="s">
        <v>65</v>
      </c>
      <c r="I189" s="3" t="s">
        <v>879</v>
      </c>
      <c r="J189" s="8" t="s">
        <v>968</v>
      </c>
      <c r="K189" s="3" t="s">
        <v>32</v>
      </c>
      <c r="L189" s="3" t="s">
        <v>33</v>
      </c>
      <c r="M189" s="3" t="s">
        <v>881</v>
      </c>
      <c r="N189" s="3" t="s">
        <v>74</v>
      </c>
      <c r="O189" s="3" t="s">
        <v>143</v>
      </c>
      <c r="P189" s="3" t="s">
        <v>37</v>
      </c>
      <c r="Q189" s="3" t="s">
        <v>37</v>
      </c>
      <c r="R189" s="3" t="s">
        <v>38</v>
      </c>
      <c r="S189" s="3" t="s">
        <v>989</v>
      </c>
      <c r="T189" s="3" t="s">
        <v>37</v>
      </c>
      <c r="U189" s="3" t="s">
        <v>37</v>
      </c>
      <c r="V189" s="3" t="s">
        <v>37</v>
      </c>
    </row>
    <row r="190" spans="1:22" x14ac:dyDescent="0.25">
      <c r="A190" s="3" t="s">
        <v>853</v>
      </c>
      <c r="B190" s="4" t="s">
        <v>536</v>
      </c>
      <c r="C190" s="3" t="s">
        <v>537</v>
      </c>
      <c r="D190" s="5" t="s">
        <v>1281</v>
      </c>
      <c r="E190" s="3" t="s">
        <v>877</v>
      </c>
      <c r="F190" s="3" t="s">
        <v>1070</v>
      </c>
      <c r="G190" s="3" t="s">
        <v>49</v>
      </c>
      <c r="H190" s="3" t="s">
        <v>65</v>
      </c>
      <c r="I190" s="3" t="s">
        <v>879</v>
      </c>
      <c r="J190" s="3" t="s">
        <v>1071</v>
      </c>
      <c r="K190" s="3" t="s">
        <v>32</v>
      </c>
      <c r="L190" s="3" t="s">
        <v>33</v>
      </c>
      <c r="M190" s="3" t="s">
        <v>881</v>
      </c>
      <c r="N190" s="3" t="s">
        <v>74</v>
      </c>
      <c r="O190" s="3" t="s">
        <v>143</v>
      </c>
      <c r="P190" s="3" t="s">
        <v>37</v>
      </c>
      <c r="Q190" s="3" t="s">
        <v>37</v>
      </c>
      <c r="R190" s="3" t="s">
        <v>38</v>
      </c>
      <c r="S190" s="3" t="s">
        <v>1072</v>
      </c>
      <c r="T190" s="3" t="s">
        <v>37</v>
      </c>
      <c r="U190" s="3" t="s">
        <v>37</v>
      </c>
      <c r="V190" s="3" t="s">
        <v>37</v>
      </c>
    </row>
    <row r="191" spans="1:22" x14ac:dyDescent="0.25">
      <c r="A191" s="3" t="s">
        <v>853</v>
      </c>
      <c r="B191" s="4" t="s">
        <v>536</v>
      </c>
      <c r="C191" s="3" t="s">
        <v>537</v>
      </c>
      <c r="D191" s="5" t="s">
        <v>1282</v>
      </c>
      <c r="E191" s="3" t="s">
        <v>877</v>
      </c>
      <c r="F191" s="3" t="s">
        <v>1073</v>
      </c>
      <c r="G191" s="3" t="s">
        <v>325</v>
      </c>
      <c r="H191" s="3" t="s">
        <v>65</v>
      </c>
      <c r="I191" s="3" t="s">
        <v>879</v>
      </c>
      <c r="J191" s="3" t="s">
        <v>1074</v>
      </c>
      <c r="K191" s="3" t="s">
        <v>32</v>
      </c>
      <c r="L191" s="3" t="s">
        <v>33</v>
      </c>
      <c r="M191" s="3" t="s">
        <v>881</v>
      </c>
      <c r="N191" s="3" t="s">
        <v>74</v>
      </c>
      <c r="O191" s="3" t="s">
        <v>143</v>
      </c>
      <c r="P191" s="3" t="s">
        <v>37</v>
      </c>
      <c r="Q191" s="3" t="s">
        <v>37</v>
      </c>
      <c r="R191" s="3" t="s">
        <v>38</v>
      </c>
      <c r="S191" s="3" t="s">
        <v>1075</v>
      </c>
      <c r="T191" s="3" t="s">
        <v>37</v>
      </c>
      <c r="U191" s="3" t="s">
        <v>37</v>
      </c>
      <c r="V191" s="3" t="s">
        <v>37</v>
      </c>
    </row>
    <row r="192" spans="1:22" x14ac:dyDescent="0.25">
      <c r="A192" s="3" t="s">
        <v>853</v>
      </c>
      <c r="B192" s="4" t="s">
        <v>536</v>
      </c>
      <c r="C192" s="3" t="s">
        <v>537</v>
      </c>
      <c r="D192" s="5" t="s">
        <v>1033</v>
      </c>
      <c r="E192" s="3" t="s">
        <v>872</v>
      </c>
      <c r="F192" s="3" t="s">
        <v>1358</v>
      </c>
      <c r="G192" s="3" t="s">
        <v>94</v>
      </c>
      <c r="H192" s="3" t="s">
        <v>65</v>
      </c>
      <c r="I192" s="3" t="s">
        <v>37</v>
      </c>
      <c r="J192" s="3" t="s">
        <v>1359</v>
      </c>
      <c r="K192" s="3" t="s">
        <v>32</v>
      </c>
      <c r="L192" s="3" t="s">
        <v>33</v>
      </c>
      <c r="M192" s="3" t="s">
        <v>67</v>
      </c>
      <c r="N192" s="3" t="s">
        <v>52</v>
      </c>
      <c r="O192" s="3" t="s">
        <v>53</v>
      </c>
      <c r="P192" s="3" t="s">
        <v>37</v>
      </c>
      <c r="Q192" s="3" t="s">
        <v>37</v>
      </c>
      <c r="R192" s="3" t="s">
        <v>38</v>
      </c>
      <c r="S192" s="3" t="s">
        <v>1360</v>
      </c>
      <c r="T192" s="3" t="s">
        <v>37</v>
      </c>
      <c r="U192" s="3" t="s">
        <v>37</v>
      </c>
      <c r="V192" s="3" t="s">
        <v>37</v>
      </c>
    </row>
    <row r="193" spans="1:22" x14ac:dyDescent="0.25">
      <c r="A193" s="3" t="s">
        <v>853</v>
      </c>
      <c r="B193" s="4" t="s">
        <v>536</v>
      </c>
      <c r="C193" s="3" t="s">
        <v>537</v>
      </c>
      <c r="D193" s="5" t="s">
        <v>212</v>
      </c>
      <c r="E193" s="3" t="s">
        <v>70</v>
      </c>
      <c r="F193" s="3" t="s">
        <v>1361</v>
      </c>
      <c r="G193" s="3" t="s">
        <v>582</v>
      </c>
      <c r="H193" s="3" t="s">
        <v>65</v>
      </c>
      <c r="I193" s="3" t="s">
        <v>1362</v>
      </c>
      <c r="J193" s="3" t="s">
        <v>1363</v>
      </c>
      <c r="K193" s="3" t="s">
        <v>32</v>
      </c>
      <c r="L193" s="3" t="s">
        <v>33</v>
      </c>
      <c r="M193" s="3" t="s">
        <v>67</v>
      </c>
      <c r="N193" s="3" t="s">
        <v>117</v>
      </c>
      <c r="O193" s="3" t="s">
        <v>36</v>
      </c>
      <c r="P193" s="3" t="s">
        <v>37</v>
      </c>
      <c r="Q193" s="3" t="s">
        <v>37</v>
      </c>
      <c r="R193" s="3" t="s">
        <v>38</v>
      </c>
      <c r="S193" s="3" t="s">
        <v>1364</v>
      </c>
      <c r="T193" s="3" t="s">
        <v>37</v>
      </c>
      <c r="U193" s="3" t="s">
        <v>37</v>
      </c>
      <c r="V193" s="3" t="s">
        <v>37</v>
      </c>
    </row>
    <row r="194" spans="1:22" x14ac:dyDescent="0.25">
      <c r="A194" s="3" t="s">
        <v>853</v>
      </c>
      <c r="B194" s="4" t="s">
        <v>536</v>
      </c>
      <c r="C194" s="3" t="s">
        <v>537</v>
      </c>
      <c r="D194" s="5" t="s">
        <v>373</v>
      </c>
      <c r="E194" s="3" t="s">
        <v>915</v>
      </c>
      <c r="F194" s="3" t="s">
        <v>1365</v>
      </c>
      <c r="G194" s="3" t="s">
        <v>234</v>
      </c>
      <c r="H194" s="3" t="s">
        <v>65</v>
      </c>
      <c r="I194" s="3" t="s">
        <v>1366</v>
      </c>
      <c r="J194" s="3" t="s">
        <v>1367</v>
      </c>
      <c r="K194" s="3" t="s">
        <v>32</v>
      </c>
      <c r="L194" s="3" t="s">
        <v>33</v>
      </c>
      <c r="M194" s="3" t="s">
        <v>67</v>
      </c>
      <c r="N194" s="3" t="s">
        <v>142</v>
      </c>
      <c r="O194" s="3" t="s">
        <v>179</v>
      </c>
      <c r="P194" s="3" t="s">
        <v>37</v>
      </c>
      <c r="Q194" s="3" t="s">
        <v>37</v>
      </c>
      <c r="R194" s="3" t="s">
        <v>38</v>
      </c>
      <c r="S194" s="3" t="s">
        <v>1368</v>
      </c>
      <c r="T194" s="3" t="s">
        <v>37</v>
      </c>
      <c r="U194" s="3" t="s">
        <v>37</v>
      </c>
      <c r="V194" s="3" t="s">
        <v>37</v>
      </c>
    </row>
    <row r="195" spans="1:22" x14ac:dyDescent="0.25">
      <c r="A195" s="3" t="s">
        <v>853</v>
      </c>
      <c r="B195" s="4" t="s">
        <v>536</v>
      </c>
      <c r="C195" s="3" t="s">
        <v>537</v>
      </c>
      <c r="D195" s="5" t="s">
        <v>221</v>
      </c>
      <c r="E195" s="3" t="s">
        <v>499</v>
      </c>
      <c r="F195" s="3" t="s">
        <v>1369</v>
      </c>
      <c r="G195" s="3" t="s">
        <v>248</v>
      </c>
      <c r="H195" s="3" t="s">
        <v>29</v>
      </c>
      <c r="I195" s="3" t="s">
        <v>502</v>
      </c>
      <c r="J195" s="3" t="s">
        <v>1370</v>
      </c>
      <c r="K195" s="3" t="s">
        <v>32</v>
      </c>
      <c r="L195" s="3" t="s">
        <v>37</v>
      </c>
      <c r="M195" s="3" t="s">
        <v>34</v>
      </c>
      <c r="N195" s="3" t="s">
        <v>142</v>
      </c>
      <c r="O195" s="3" t="s">
        <v>179</v>
      </c>
      <c r="P195" s="3" t="s">
        <v>37</v>
      </c>
      <c r="Q195" s="3" t="s">
        <v>37</v>
      </c>
      <c r="R195" s="3" t="s">
        <v>38</v>
      </c>
      <c r="S195" s="3" t="s">
        <v>1371</v>
      </c>
      <c r="T195" s="3" t="s">
        <v>37</v>
      </c>
      <c r="U195" s="3" t="s">
        <v>37</v>
      </c>
      <c r="V195" s="3" t="s">
        <v>37</v>
      </c>
    </row>
    <row r="196" spans="1:22" x14ac:dyDescent="0.25">
      <c r="A196" s="3" t="s">
        <v>853</v>
      </c>
      <c r="B196" s="4" t="s">
        <v>536</v>
      </c>
      <c r="C196" s="3" t="s">
        <v>537</v>
      </c>
      <c r="D196" s="5" t="s">
        <v>1047</v>
      </c>
      <c r="E196" s="3" t="s">
        <v>1013</v>
      </c>
      <c r="F196" s="3" t="s">
        <v>1372</v>
      </c>
      <c r="G196" s="3" t="s">
        <v>234</v>
      </c>
      <c r="H196" s="3" t="s">
        <v>65</v>
      </c>
      <c r="I196" s="3" t="s">
        <v>1373</v>
      </c>
      <c r="J196" s="3" t="s">
        <v>1374</v>
      </c>
      <c r="K196" s="3" t="s">
        <v>32</v>
      </c>
      <c r="L196" s="3" t="s">
        <v>33</v>
      </c>
      <c r="M196" s="3" t="s">
        <v>67</v>
      </c>
      <c r="N196" s="3" t="s">
        <v>35</v>
      </c>
      <c r="O196" s="3" t="s">
        <v>53</v>
      </c>
      <c r="P196" s="3" t="s">
        <v>37</v>
      </c>
      <c r="Q196" s="3" t="s">
        <v>37</v>
      </c>
      <c r="R196" s="3" t="s">
        <v>38</v>
      </c>
      <c r="S196" s="3" t="s">
        <v>1375</v>
      </c>
      <c r="T196" s="3" t="s">
        <v>37</v>
      </c>
      <c r="U196" s="3" t="s">
        <v>37</v>
      </c>
      <c r="V196" s="3" t="s">
        <v>37</v>
      </c>
    </row>
    <row r="197" spans="1:22" x14ac:dyDescent="0.25">
      <c r="A197" s="3" t="s">
        <v>853</v>
      </c>
      <c r="B197" s="4" t="s">
        <v>536</v>
      </c>
      <c r="C197" s="3" t="s">
        <v>537</v>
      </c>
      <c r="D197" s="5" t="s">
        <v>226</v>
      </c>
      <c r="E197" s="3" t="s">
        <v>1018</v>
      </c>
      <c r="F197" s="3" t="s">
        <v>1376</v>
      </c>
      <c r="G197" s="3" t="s">
        <v>278</v>
      </c>
      <c r="H197" s="3" t="s">
        <v>29</v>
      </c>
      <c r="I197" s="3" t="s">
        <v>1020</v>
      </c>
      <c r="J197" s="3" t="s">
        <v>1377</v>
      </c>
      <c r="K197" s="3" t="s">
        <v>32</v>
      </c>
      <c r="L197" s="3" t="s">
        <v>33</v>
      </c>
      <c r="M197" s="3" t="s">
        <v>67</v>
      </c>
      <c r="N197" s="3" t="s">
        <v>533</v>
      </c>
      <c r="O197" s="3" t="s">
        <v>36</v>
      </c>
      <c r="P197" s="3" t="s">
        <v>37</v>
      </c>
      <c r="Q197" s="3" t="s">
        <v>37</v>
      </c>
      <c r="R197" s="3" t="s">
        <v>38</v>
      </c>
      <c r="S197" s="3" t="s">
        <v>1378</v>
      </c>
      <c r="T197" s="3" t="s">
        <v>37</v>
      </c>
      <c r="U197" s="3" t="s">
        <v>37</v>
      </c>
      <c r="V197" s="3" t="s">
        <v>37</v>
      </c>
    </row>
    <row r="198" spans="1:22" x14ac:dyDescent="0.25">
      <c r="A198" s="3" t="s">
        <v>853</v>
      </c>
      <c r="B198" s="4" t="s">
        <v>536</v>
      </c>
      <c r="C198" s="3" t="s">
        <v>537</v>
      </c>
      <c r="D198" s="5" t="s">
        <v>1054</v>
      </c>
      <c r="E198" s="3" t="s">
        <v>866</v>
      </c>
      <c r="F198" s="3" t="s">
        <v>1138</v>
      </c>
      <c r="G198" s="3" t="s">
        <v>99</v>
      </c>
      <c r="H198" s="3" t="s">
        <v>65</v>
      </c>
      <c r="I198" s="3" t="s">
        <v>868</v>
      </c>
      <c r="J198" s="3" t="s">
        <v>1139</v>
      </c>
      <c r="K198" s="3" t="s">
        <v>32</v>
      </c>
      <c r="L198" s="3" t="s">
        <v>33</v>
      </c>
      <c r="M198" s="3" t="s">
        <v>34</v>
      </c>
      <c r="N198" s="3" t="s">
        <v>52</v>
      </c>
      <c r="O198" s="3" t="s">
        <v>53</v>
      </c>
      <c r="P198" s="3" t="s">
        <v>37</v>
      </c>
      <c r="Q198" s="3" t="s">
        <v>37</v>
      </c>
      <c r="R198" s="3" t="s">
        <v>38</v>
      </c>
      <c r="S198" s="3" t="s">
        <v>1140</v>
      </c>
      <c r="T198" s="3" t="s">
        <v>37</v>
      </c>
      <c r="U198" s="3" t="s">
        <v>37</v>
      </c>
      <c r="V198" s="3" t="s">
        <v>37</v>
      </c>
    </row>
    <row r="199" spans="1:22" x14ac:dyDescent="0.25">
      <c r="A199" s="3"/>
      <c r="B199" s="4"/>
      <c r="C199" s="3"/>
      <c r="D199" s="5"/>
      <c r="E199" s="6" t="s">
        <v>1055</v>
      </c>
      <c r="F199" s="3"/>
      <c r="G199" s="3"/>
      <c r="H199" s="3"/>
      <c r="I199" s="3"/>
      <c r="J199" s="3"/>
      <c r="K199" s="3"/>
      <c r="L199" s="3"/>
      <c r="M199" s="3"/>
      <c r="N199" s="3"/>
      <c r="O199" s="3"/>
      <c r="P199" s="3"/>
      <c r="Q199" s="3"/>
      <c r="R199" s="3"/>
      <c r="S199" s="3"/>
      <c r="T199" s="3"/>
      <c r="U199" s="3"/>
      <c r="V199" s="3"/>
    </row>
    <row r="200" spans="1:22" x14ac:dyDescent="0.25">
      <c r="A200" s="3"/>
      <c r="B200" s="4"/>
      <c r="C200" s="3"/>
      <c r="D200" s="5"/>
      <c r="E200" s="3"/>
      <c r="F200" s="3"/>
      <c r="G200" s="3"/>
      <c r="H200" s="3"/>
      <c r="I200" s="3"/>
      <c r="J200" s="3"/>
      <c r="K200" s="3"/>
      <c r="L200" s="3"/>
      <c r="M200" s="3"/>
      <c r="N200" s="3"/>
      <c r="O200" s="3"/>
      <c r="P200" s="3"/>
      <c r="Q200" s="3"/>
      <c r="R200" s="3"/>
      <c r="S200" s="3"/>
      <c r="T200" s="3"/>
      <c r="U200" s="3"/>
      <c r="V200" s="3"/>
    </row>
    <row r="201" spans="1:22" x14ac:dyDescent="0.25">
      <c r="A201" s="3" t="s">
        <v>853</v>
      </c>
      <c r="B201" s="4" t="s">
        <v>623</v>
      </c>
      <c r="C201" s="3" t="s">
        <v>624</v>
      </c>
      <c r="D201" s="5" t="s">
        <v>25</v>
      </c>
      <c r="E201" s="3" t="s">
        <v>854</v>
      </c>
      <c r="F201" s="3" t="s">
        <v>1379</v>
      </c>
      <c r="G201" s="3" t="s">
        <v>594</v>
      </c>
      <c r="H201" s="3" t="s">
        <v>325</v>
      </c>
      <c r="I201" s="3" t="s">
        <v>1380</v>
      </c>
      <c r="J201" s="3" t="s">
        <v>1381</v>
      </c>
      <c r="K201" s="3" t="s">
        <v>32</v>
      </c>
      <c r="L201" s="3" t="s">
        <v>33</v>
      </c>
      <c r="M201" s="3" t="s">
        <v>67</v>
      </c>
      <c r="N201" s="3" t="s">
        <v>858</v>
      </c>
      <c r="O201" s="3" t="s">
        <v>179</v>
      </c>
      <c r="P201" s="3" t="s">
        <v>37</v>
      </c>
      <c r="Q201" s="3" t="s">
        <v>37</v>
      </c>
      <c r="R201" s="3" t="s">
        <v>38</v>
      </c>
      <c r="S201" s="3" t="s">
        <v>1382</v>
      </c>
      <c r="T201" s="3" t="s">
        <v>37</v>
      </c>
      <c r="U201" s="3" t="s">
        <v>37</v>
      </c>
      <c r="V201" s="3" t="s">
        <v>37</v>
      </c>
    </row>
    <row r="202" spans="1:22" x14ac:dyDescent="0.25">
      <c r="A202" s="3" t="s">
        <v>853</v>
      </c>
      <c r="B202" s="4" t="s">
        <v>623</v>
      </c>
      <c r="C202" s="3" t="s">
        <v>624</v>
      </c>
      <c r="D202" s="5" t="s">
        <v>860</v>
      </c>
      <c r="E202" s="3" t="s">
        <v>854</v>
      </c>
      <c r="F202" s="3" t="s">
        <v>1383</v>
      </c>
      <c r="G202" s="3" t="s">
        <v>703</v>
      </c>
      <c r="H202" s="3" t="s">
        <v>49</v>
      </c>
      <c r="I202" s="3" t="s">
        <v>1155</v>
      </c>
      <c r="J202" s="3" t="s">
        <v>1384</v>
      </c>
      <c r="K202" s="3" t="s">
        <v>32</v>
      </c>
      <c r="L202" s="3" t="s">
        <v>33</v>
      </c>
      <c r="M202" s="3" t="s">
        <v>67</v>
      </c>
      <c r="N202" s="3" t="s">
        <v>858</v>
      </c>
      <c r="O202" s="3" t="s">
        <v>179</v>
      </c>
      <c r="P202" s="3" t="s">
        <v>37</v>
      </c>
      <c r="Q202" s="3" t="s">
        <v>37</v>
      </c>
      <c r="R202" s="3" t="s">
        <v>38</v>
      </c>
      <c r="S202" s="3" t="s">
        <v>1385</v>
      </c>
      <c r="T202" s="3" t="s">
        <v>37</v>
      </c>
      <c r="U202" s="3" t="s">
        <v>37</v>
      </c>
      <c r="V202" s="3" t="s">
        <v>37</v>
      </c>
    </row>
    <row r="203" spans="1:22" x14ac:dyDescent="0.25">
      <c r="A203" s="3" t="s">
        <v>853</v>
      </c>
      <c r="B203" s="4" t="s">
        <v>623</v>
      </c>
      <c r="C203" s="3" t="s">
        <v>624</v>
      </c>
      <c r="D203" s="5" t="s">
        <v>45</v>
      </c>
      <c r="E203" s="3" t="s">
        <v>877</v>
      </c>
      <c r="F203" s="3" t="s">
        <v>1076</v>
      </c>
      <c r="G203" s="3" t="s">
        <v>1077</v>
      </c>
      <c r="H203" s="3" t="s">
        <v>65</v>
      </c>
      <c r="I203" s="3" t="s">
        <v>931</v>
      </c>
      <c r="J203" s="3" t="s">
        <v>1078</v>
      </c>
      <c r="K203" s="3" t="s">
        <v>32</v>
      </c>
      <c r="L203" s="3" t="s">
        <v>33</v>
      </c>
      <c r="M203" s="3" t="s">
        <v>881</v>
      </c>
      <c r="N203" s="3" t="s">
        <v>74</v>
      </c>
      <c r="O203" s="3" t="s">
        <v>143</v>
      </c>
      <c r="P203" s="3" t="s">
        <v>37</v>
      </c>
      <c r="Q203" s="3" t="s">
        <v>37</v>
      </c>
      <c r="R203" s="3" t="s">
        <v>38</v>
      </c>
      <c r="S203" s="3" t="s">
        <v>1079</v>
      </c>
      <c r="T203" s="3" t="s">
        <v>37</v>
      </c>
      <c r="U203" s="3" t="s">
        <v>37</v>
      </c>
      <c r="V203" s="3" t="s">
        <v>37</v>
      </c>
    </row>
    <row r="204" spans="1:22" x14ac:dyDescent="0.25">
      <c r="A204" s="3" t="s">
        <v>853</v>
      </c>
      <c r="B204" s="4" t="s">
        <v>623</v>
      </c>
      <c r="C204" s="3" t="s">
        <v>624</v>
      </c>
      <c r="D204" s="5" t="s">
        <v>1164</v>
      </c>
      <c r="E204" s="3" t="s">
        <v>877</v>
      </c>
      <c r="F204" s="3" t="s">
        <v>1080</v>
      </c>
      <c r="G204" s="3" t="s">
        <v>94</v>
      </c>
      <c r="H204" s="3" t="s">
        <v>65</v>
      </c>
      <c r="I204" s="3" t="s">
        <v>931</v>
      </c>
      <c r="J204" s="3" t="s">
        <v>1081</v>
      </c>
      <c r="K204" s="3" t="s">
        <v>32</v>
      </c>
      <c r="L204" s="3" t="s">
        <v>33</v>
      </c>
      <c r="M204" s="3" t="s">
        <v>881</v>
      </c>
      <c r="N204" s="3" t="s">
        <v>74</v>
      </c>
      <c r="O204" s="3" t="s">
        <v>143</v>
      </c>
      <c r="P204" s="3" t="s">
        <v>37</v>
      </c>
      <c r="Q204" s="3" t="s">
        <v>37</v>
      </c>
      <c r="R204" s="3" t="s">
        <v>38</v>
      </c>
      <c r="S204" s="3" t="s">
        <v>1082</v>
      </c>
      <c r="T204" s="3" t="s">
        <v>37</v>
      </c>
      <c r="U204" s="3" t="s">
        <v>37</v>
      </c>
      <c r="V204" s="3" t="s">
        <v>37</v>
      </c>
    </row>
    <row r="205" spans="1:22" x14ac:dyDescent="0.25">
      <c r="A205" s="3" t="s">
        <v>853</v>
      </c>
      <c r="B205" s="4" t="s">
        <v>623</v>
      </c>
      <c r="C205" s="3" t="s">
        <v>624</v>
      </c>
      <c r="D205" s="5" t="s">
        <v>1168</v>
      </c>
      <c r="E205" s="3" t="s">
        <v>877</v>
      </c>
      <c r="F205" s="3" t="s">
        <v>986</v>
      </c>
      <c r="G205" s="3" t="s">
        <v>139</v>
      </c>
      <c r="H205" s="3" t="s">
        <v>65</v>
      </c>
      <c r="I205" s="3" t="s">
        <v>879</v>
      </c>
      <c r="J205" s="8" t="s">
        <v>968</v>
      </c>
      <c r="K205" s="3" t="s">
        <v>32</v>
      </c>
      <c r="L205" s="3" t="s">
        <v>33</v>
      </c>
      <c r="M205" s="3" t="s">
        <v>881</v>
      </c>
      <c r="N205" s="3" t="s">
        <v>74</v>
      </c>
      <c r="O205" s="3" t="s">
        <v>143</v>
      </c>
      <c r="P205" s="3" t="s">
        <v>37</v>
      </c>
      <c r="Q205" s="3" t="s">
        <v>37</v>
      </c>
      <c r="R205" s="3" t="s">
        <v>38</v>
      </c>
      <c r="S205" s="3" t="s">
        <v>987</v>
      </c>
      <c r="T205" s="3" t="s">
        <v>37</v>
      </c>
      <c r="U205" s="3" t="s">
        <v>37</v>
      </c>
      <c r="V205" s="3" t="s">
        <v>37</v>
      </c>
    </row>
    <row r="206" spans="1:22" x14ac:dyDescent="0.25">
      <c r="A206" s="3" t="s">
        <v>853</v>
      </c>
      <c r="B206" s="4" t="s">
        <v>623</v>
      </c>
      <c r="C206" s="3" t="s">
        <v>624</v>
      </c>
      <c r="D206" s="5" t="s">
        <v>871</v>
      </c>
      <c r="E206" s="3" t="s">
        <v>877</v>
      </c>
      <c r="F206" s="3" t="s">
        <v>1386</v>
      </c>
      <c r="G206" s="3" t="s">
        <v>346</v>
      </c>
      <c r="H206" s="3" t="s">
        <v>65</v>
      </c>
      <c r="I206" s="3" t="s">
        <v>931</v>
      </c>
      <c r="J206" s="3" t="s">
        <v>1387</v>
      </c>
      <c r="K206" s="3" t="s">
        <v>32</v>
      </c>
      <c r="L206" s="3" t="s">
        <v>33</v>
      </c>
      <c r="M206" s="3" t="s">
        <v>881</v>
      </c>
      <c r="N206" s="3" t="s">
        <v>74</v>
      </c>
      <c r="O206" s="3" t="s">
        <v>143</v>
      </c>
      <c r="P206" s="3" t="s">
        <v>37</v>
      </c>
      <c r="Q206" s="3" t="s">
        <v>37</v>
      </c>
      <c r="R206" s="3" t="s">
        <v>38</v>
      </c>
      <c r="S206" s="3" t="s">
        <v>1388</v>
      </c>
      <c r="T206" s="3" t="s">
        <v>37</v>
      </c>
      <c r="U206" s="3" t="s">
        <v>37</v>
      </c>
      <c r="V206" s="3" t="s">
        <v>37</v>
      </c>
    </row>
    <row r="207" spans="1:22" x14ac:dyDescent="0.25">
      <c r="A207" s="3" t="s">
        <v>853</v>
      </c>
      <c r="B207" s="4" t="s">
        <v>623</v>
      </c>
      <c r="C207" s="3" t="s">
        <v>624</v>
      </c>
      <c r="D207" s="5" t="s">
        <v>627</v>
      </c>
      <c r="E207" s="3" t="s">
        <v>877</v>
      </c>
      <c r="F207" s="3" t="s">
        <v>1162</v>
      </c>
      <c r="G207" s="3" t="s">
        <v>278</v>
      </c>
      <c r="H207" s="3" t="s">
        <v>65</v>
      </c>
      <c r="I207" s="3" t="s">
        <v>879</v>
      </c>
      <c r="J207" s="8" t="s">
        <v>968</v>
      </c>
      <c r="K207" s="3" t="s">
        <v>32</v>
      </c>
      <c r="L207" s="3" t="s">
        <v>33</v>
      </c>
      <c r="M207" s="3" t="s">
        <v>881</v>
      </c>
      <c r="N207" s="3" t="s">
        <v>74</v>
      </c>
      <c r="O207" s="3" t="s">
        <v>143</v>
      </c>
      <c r="P207" s="3" t="s">
        <v>37</v>
      </c>
      <c r="Q207" s="3" t="s">
        <v>37</v>
      </c>
      <c r="R207" s="3" t="s">
        <v>38</v>
      </c>
      <c r="S207" s="3" t="s">
        <v>1163</v>
      </c>
      <c r="T207" s="3" t="s">
        <v>37</v>
      </c>
      <c r="U207" s="3" t="s">
        <v>37</v>
      </c>
      <c r="V207" s="3" t="s">
        <v>37</v>
      </c>
    </row>
    <row r="208" spans="1:22" x14ac:dyDescent="0.25">
      <c r="A208" s="3" t="s">
        <v>853</v>
      </c>
      <c r="B208" s="4" t="s">
        <v>623</v>
      </c>
      <c r="C208" s="3" t="s">
        <v>624</v>
      </c>
      <c r="D208" s="5" t="s">
        <v>408</v>
      </c>
      <c r="E208" s="3" t="s">
        <v>877</v>
      </c>
      <c r="F208" s="3" t="s">
        <v>1165</v>
      </c>
      <c r="G208" s="3" t="s">
        <v>491</v>
      </c>
      <c r="H208" s="3" t="s">
        <v>65</v>
      </c>
      <c r="I208" s="3" t="s">
        <v>931</v>
      </c>
      <c r="J208" s="3" t="s">
        <v>1166</v>
      </c>
      <c r="K208" s="3" t="s">
        <v>32</v>
      </c>
      <c r="L208" s="3" t="s">
        <v>33</v>
      </c>
      <c r="M208" s="3" t="s">
        <v>881</v>
      </c>
      <c r="N208" s="3" t="s">
        <v>74</v>
      </c>
      <c r="O208" s="3" t="s">
        <v>143</v>
      </c>
      <c r="P208" s="3" t="s">
        <v>37</v>
      </c>
      <c r="Q208" s="3" t="s">
        <v>37</v>
      </c>
      <c r="R208" s="3" t="s">
        <v>38</v>
      </c>
      <c r="S208" s="3" t="s">
        <v>1167</v>
      </c>
      <c r="T208" s="3" t="s">
        <v>37</v>
      </c>
      <c r="U208" s="3" t="s">
        <v>37</v>
      </c>
      <c r="V208" s="3" t="s">
        <v>37</v>
      </c>
    </row>
    <row r="209" spans="1:22" x14ac:dyDescent="0.25">
      <c r="A209" s="3" t="s">
        <v>853</v>
      </c>
      <c r="B209" s="4" t="s">
        <v>623</v>
      </c>
      <c r="C209" s="3" t="s">
        <v>624</v>
      </c>
      <c r="D209" s="5" t="s">
        <v>876</v>
      </c>
      <c r="E209" s="3" t="s">
        <v>499</v>
      </c>
      <c r="F209" s="3" t="s">
        <v>1389</v>
      </c>
      <c r="G209" s="3" t="s">
        <v>253</v>
      </c>
      <c r="H209" s="3" t="s">
        <v>29</v>
      </c>
      <c r="I209" s="3" t="s">
        <v>502</v>
      </c>
      <c r="J209" s="3" t="s">
        <v>1390</v>
      </c>
      <c r="K209" s="3" t="s">
        <v>32</v>
      </c>
      <c r="L209" s="3" t="s">
        <v>37</v>
      </c>
      <c r="M209" s="3" t="s">
        <v>34</v>
      </c>
      <c r="N209" s="3" t="s">
        <v>142</v>
      </c>
      <c r="O209" s="3" t="s">
        <v>179</v>
      </c>
      <c r="P209" s="3" t="s">
        <v>37</v>
      </c>
      <c r="Q209" s="3" t="s">
        <v>37</v>
      </c>
      <c r="R209" s="3" t="s">
        <v>38</v>
      </c>
      <c r="S209" s="3" t="s">
        <v>1391</v>
      </c>
      <c r="T209" s="3" t="s">
        <v>37</v>
      </c>
      <c r="U209" s="3" t="s">
        <v>37</v>
      </c>
      <c r="V209" s="3" t="s">
        <v>37</v>
      </c>
    </row>
    <row r="210" spans="1:22" x14ac:dyDescent="0.25">
      <c r="A210" s="3" t="s">
        <v>853</v>
      </c>
      <c r="B210" s="4" t="s">
        <v>623</v>
      </c>
      <c r="C210" s="3" t="s">
        <v>624</v>
      </c>
      <c r="D210" s="5" t="s">
        <v>891</v>
      </c>
      <c r="E210" s="3" t="s">
        <v>872</v>
      </c>
      <c r="F210" s="3" t="s">
        <v>1195</v>
      </c>
      <c r="G210" s="3" t="s">
        <v>194</v>
      </c>
      <c r="H210" s="3" t="s">
        <v>65</v>
      </c>
      <c r="I210" s="3" t="s">
        <v>37</v>
      </c>
      <c r="J210" s="3" t="s">
        <v>1196</v>
      </c>
      <c r="K210" s="3" t="s">
        <v>32</v>
      </c>
      <c r="L210" s="3" t="s">
        <v>33</v>
      </c>
      <c r="M210" s="3" t="s">
        <v>67</v>
      </c>
      <c r="N210" s="3" t="s">
        <v>52</v>
      </c>
      <c r="O210" s="3" t="s">
        <v>53</v>
      </c>
      <c r="P210" s="3" t="s">
        <v>37</v>
      </c>
      <c r="Q210" s="3" t="s">
        <v>37</v>
      </c>
      <c r="R210" s="3" t="s">
        <v>38</v>
      </c>
      <c r="S210" s="3" t="s">
        <v>1197</v>
      </c>
      <c r="T210" s="3" t="s">
        <v>37</v>
      </c>
      <c r="U210" s="3" t="s">
        <v>37</v>
      </c>
      <c r="V210" s="3" t="s">
        <v>37</v>
      </c>
    </row>
    <row r="211" spans="1:22" x14ac:dyDescent="0.25">
      <c r="A211" s="3" t="s">
        <v>853</v>
      </c>
      <c r="B211" s="4" t="s">
        <v>623</v>
      </c>
      <c r="C211" s="3" t="s">
        <v>624</v>
      </c>
      <c r="D211" s="5" t="s">
        <v>902</v>
      </c>
      <c r="E211" s="3" t="s">
        <v>919</v>
      </c>
      <c r="F211" s="3" t="s">
        <v>37</v>
      </c>
      <c r="G211" s="3">
        <v>1</v>
      </c>
      <c r="H211" s="3">
        <v>0</v>
      </c>
      <c r="I211" s="3" t="s">
        <v>920</v>
      </c>
      <c r="J211" s="3" t="s">
        <v>921</v>
      </c>
      <c r="K211" s="3" t="s">
        <v>33</v>
      </c>
      <c r="L211" s="3" t="s">
        <v>33</v>
      </c>
      <c r="M211" s="3" t="s">
        <v>67</v>
      </c>
      <c r="N211" s="3" t="s">
        <v>922</v>
      </c>
      <c r="O211" s="3" t="s">
        <v>923</v>
      </c>
      <c r="P211" s="3" t="s">
        <v>37</v>
      </c>
      <c r="Q211" s="3" t="s">
        <v>37</v>
      </c>
      <c r="R211" s="3" t="s">
        <v>38</v>
      </c>
      <c r="S211" s="3" t="s">
        <v>924</v>
      </c>
      <c r="T211" s="3" t="s">
        <v>37</v>
      </c>
      <c r="U211" s="3" t="s">
        <v>37</v>
      </c>
      <c r="V211" s="3" t="s">
        <v>37</v>
      </c>
    </row>
    <row r="212" spans="1:22" x14ac:dyDescent="0.25">
      <c r="A212" s="3" t="s">
        <v>853</v>
      </c>
      <c r="B212" s="4" t="s">
        <v>623</v>
      </c>
      <c r="C212" s="3" t="s">
        <v>624</v>
      </c>
      <c r="D212" s="5" t="s">
        <v>910</v>
      </c>
      <c r="E212" s="3" t="s">
        <v>872</v>
      </c>
      <c r="F212" s="3" t="s">
        <v>911</v>
      </c>
      <c r="G212" s="3" t="s">
        <v>99</v>
      </c>
      <c r="H212" s="3" t="s">
        <v>65</v>
      </c>
      <c r="I212" s="3" t="s">
        <v>37</v>
      </c>
      <c r="J212" s="3" t="s">
        <v>912</v>
      </c>
      <c r="K212" s="3" t="s">
        <v>32</v>
      </c>
      <c r="L212" s="3" t="s">
        <v>33</v>
      </c>
      <c r="M212" s="3" t="s">
        <v>67</v>
      </c>
      <c r="N212" s="3" t="s">
        <v>52</v>
      </c>
      <c r="O212" s="3" t="s">
        <v>53</v>
      </c>
      <c r="P212" s="3" t="s">
        <v>37</v>
      </c>
      <c r="Q212" s="3" t="s">
        <v>37</v>
      </c>
      <c r="R212" s="3" t="s">
        <v>38</v>
      </c>
      <c r="S212" s="3" t="s">
        <v>913</v>
      </c>
      <c r="T212" s="3" t="s">
        <v>37</v>
      </c>
      <c r="U212" s="3" t="s">
        <v>37</v>
      </c>
      <c r="V212" s="3" t="s">
        <v>37</v>
      </c>
    </row>
    <row r="213" spans="1:22" x14ac:dyDescent="0.25">
      <c r="A213" s="3" t="s">
        <v>853</v>
      </c>
      <c r="B213" s="4" t="s">
        <v>623</v>
      </c>
      <c r="C213" s="3" t="s">
        <v>624</v>
      </c>
      <c r="D213" s="5" t="s">
        <v>914</v>
      </c>
      <c r="E213" s="3" t="s">
        <v>872</v>
      </c>
      <c r="F213" s="3" t="s">
        <v>1392</v>
      </c>
      <c r="G213" s="3" t="s">
        <v>89</v>
      </c>
      <c r="H213" s="3" t="s">
        <v>65</v>
      </c>
      <c r="I213" s="3" t="s">
        <v>37</v>
      </c>
      <c r="J213" s="3" t="s">
        <v>1393</v>
      </c>
      <c r="K213" s="3" t="s">
        <v>32</v>
      </c>
      <c r="L213" s="3" t="s">
        <v>33</v>
      </c>
      <c r="M213" s="3" t="s">
        <v>67</v>
      </c>
      <c r="N213" s="3" t="s">
        <v>52</v>
      </c>
      <c r="O213" s="3" t="s">
        <v>53</v>
      </c>
      <c r="P213" s="3" t="s">
        <v>37</v>
      </c>
      <c r="Q213" s="3" t="s">
        <v>37</v>
      </c>
      <c r="R213" s="3" t="s">
        <v>38</v>
      </c>
      <c r="S213" s="3" t="s">
        <v>1394</v>
      </c>
      <c r="T213" s="3" t="s">
        <v>37</v>
      </c>
      <c r="U213" s="3" t="s">
        <v>37</v>
      </c>
      <c r="V213" s="3" t="s">
        <v>37</v>
      </c>
    </row>
    <row r="214" spans="1:22" x14ac:dyDescent="0.25">
      <c r="A214" s="3" t="s">
        <v>853</v>
      </c>
      <c r="B214" s="4" t="s">
        <v>623</v>
      </c>
      <c r="C214" s="3" t="s">
        <v>624</v>
      </c>
      <c r="D214" s="5" t="s">
        <v>102</v>
      </c>
      <c r="E214" s="3" t="s">
        <v>872</v>
      </c>
      <c r="F214" s="3" t="s">
        <v>1395</v>
      </c>
      <c r="G214" s="3" t="s">
        <v>491</v>
      </c>
      <c r="H214" s="3" t="s">
        <v>65</v>
      </c>
      <c r="I214" s="3" t="s">
        <v>37</v>
      </c>
      <c r="J214" s="7" t="s">
        <v>1319</v>
      </c>
      <c r="K214" s="3" t="s">
        <v>32</v>
      </c>
      <c r="L214" s="3" t="s">
        <v>33</v>
      </c>
      <c r="M214" s="3" t="s">
        <v>67</v>
      </c>
      <c r="N214" s="3" t="s">
        <v>52</v>
      </c>
      <c r="O214" s="3" t="s">
        <v>53</v>
      </c>
      <c r="P214" s="3" t="s">
        <v>37</v>
      </c>
      <c r="Q214" s="3" t="s">
        <v>37</v>
      </c>
      <c r="R214" s="3" t="s">
        <v>38</v>
      </c>
      <c r="S214" s="3" t="s">
        <v>1396</v>
      </c>
      <c r="T214" s="3" t="s">
        <v>37</v>
      </c>
      <c r="U214" s="3" t="s">
        <v>37</v>
      </c>
      <c r="V214" s="3" t="s">
        <v>37</v>
      </c>
    </row>
    <row r="215" spans="1:22" x14ac:dyDescent="0.25">
      <c r="A215" s="3" t="s">
        <v>853</v>
      </c>
      <c r="B215" s="4" t="s">
        <v>623</v>
      </c>
      <c r="C215" s="3" t="s">
        <v>624</v>
      </c>
      <c r="D215" s="5" t="s">
        <v>1194</v>
      </c>
      <c r="E215" s="3" t="s">
        <v>872</v>
      </c>
      <c r="F215" s="3" t="s">
        <v>1397</v>
      </c>
      <c r="G215" s="3" t="s">
        <v>410</v>
      </c>
      <c r="H215" s="3" t="s">
        <v>65</v>
      </c>
      <c r="I215" s="3" t="s">
        <v>37</v>
      </c>
      <c r="J215" s="7" t="s">
        <v>1319</v>
      </c>
      <c r="K215" s="3" t="s">
        <v>32</v>
      </c>
      <c r="L215" s="3" t="s">
        <v>33</v>
      </c>
      <c r="M215" s="3" t="s">
        <v>67</v>
      </c>
      <c r="N215" s="3" t="s">
        <v>52</v>
      </c>
      <c r="O215" s="3" t="s">
        <v>53</v>
      </c>
      <c r="P215" s="3" t="s">
        <v>37</v>
      </c>
      <c r="Q215" s="3" t="s">
        <v>37</v>
      </c>
      <c r="R215" s="3" t="s">
        <v>38</v>
      </c>
      <c r="S215" s="3" t="s">
        <v>1398</v>
      </c>
      <c r="T215" s="3" t="s">
        <v>37</v>
      </c>
      <c r="U215" s="3" t="s">
        <v>37</v>
      </c>
      <c r="V215" s="3" t="s">
        <v>37</v>
      </c>
    </row>
    <row r="216" spans="1:22" x14ac:dyDescent="0.25">
      <c r="A216" s="3" t="s">
        <v>853</v>
      </c>
      <c r="B216" s="4" t="s">
        <v>623</v>
      </c>
      <c r="C216" s="3" t="s">
        <v>624</v>
      </c>
      <c r="D216" s="5" t="s">
        <v>925</v>
      </c>
      <c r="E216" s="3" t="s">
        <v>499</v>
      </c>
      <c r="F216" s="3" t="s">
        <v>772</v>
      </c>
      <c r="G216" s="3" t="s">
        <v>470</v>
      </c>
      <c r="H216" s="3" t="s">
        <v>29</v>
      </c>
      <c r="I216" s="3" t="s">
        <v>502</v>
      </c>
      <c r="J216" s="3" t="s">
        <v>773</v>
      </c>
      <c r="K216" s="3" t="s">
        <v>32</v>
      </c>
      <c r="L216" s="3" t="s">
        <v>37</v>
      </c>
      <c r="M216" s="3" t="s">
        <v>34</v>
      </c>
      <c r="N216" s="3" t="s">
        <v>142</v>
      </c>
      <c r="O216" s="3" t="s">
        <v>179</v>
      </c>
      <c r="P216" s="3" t="s">
        <v>37</v>
      </c>
      <c r="Q216" s="3" t="s">
        <v>37</v>
      </c>
      <c r="R216" s="3" t="s">
        <v>38</v>
      </c>
      <c r="S216" s="3" t="s">
        <v>774</v>
      </c>
      <c r="T216" s="3" t="s">
        <v>37</v>
      </c>
      <c r="U216" s="3" t="s">
        <v>37</v>
      </c>
      <c r="V216" s="3" t="s">
        <v>37</v>
      </c>
    </row>
    <row r="217" spans="1:22" x14ac:dyDescent="0.25">
      <c r="A217" s="3" t="s">
        <v>853</v>
      </c>
      <c r="B217" s="4" t="s">
        <v>623</v>
      </c>
      <c r="C217" s="3" t="s">
        <v>624</v>
      </c>
      <c r="D217" s="5" t="s">
        <v>937</v>
      </c>
      <c r="E217" s="3" t="s">
        <v>499</v>
      </c>
      <c r="F217" s="3" t="s">
        <v>768</v>
      </c>
      <c r="G217" s="3" t="s">
        <v>769</v>
      </c>
      <c r="H217" s="3" t="s">
        <v>49</v>
      </c>
      <c r="I217" s="3" t="s">
        <v>502</v>
      </c>
      <c r="J217" s="3" t="s">
        <v>770</v>
      </c>
      <c r="K217" s="3" t="s">
        <v>32</v>
      </c>
      <c r="L217" s="3" t="s">
        <v>33</v>
      </c>
      <c r="M217" s="3" t="s">
        <v>34</v>
      </c>
      <c r="N217" s="3" t="s">
        <v>74</v>
      </c>
      <c r="O217" s="3" t="s">
        <v>179</v>
      </c>
      <c r="P217" s="3" t="s">
        <v>37</v>
      </c>
      <c r="Q217" s="3" t="s">
        <v>37</v>
      </c>
      <c r="R217" s="3" t="s">
        <v>38</v>
      </c>
      <c r="S217" s="3" t="s">
        <v>771</v>
      </c>
      <c r="T217" s="3" t="s">
        <v>37</v>
      </c>
      <c r="U217" s="3" t="s">
        <v>37</v>
      </c>
      <c r="V217" s="3" t="s">
        <v>37</v>
      </c>
    </row>
    <row r="218" spans="1:22" x14ac:dyDescent="0.25">
      <c r="A218" s="3" t="s">
        <v>853</v>
      </c>
      <c r="B218" s="4" t="s">
        <v>623</v>
      </c>
      <c r="C218" s="3" t="s">
        <v>624</v>
      </c>
      <c r="D218" s="5" t="s">
        <v>113</v>
      </c>
      <c r="E218" s="3" t="s">
        <v>499</v>
      </c>
      <c r="F218" s="3" t="s">
        <v>506</v>
      </c>
      <c r="G218" s="3" t="s">
        <v>507</v>
      </c>
      <c r="H218" s="3" t="s">
        <v>29</v>
      </c>
      <c r="I218" s="3" t="s">
        <v>502</v>
      </c>
      <c r="J218" s="3" t="s">
        <v>508</v>
      </c>
      <c r="K218" s="3" t="s">
        <v>32</v>
      </c>
      <c r="L218" s="3" t="s">
        <v>37</v>
      </c>
      <c r="M218" s="3" t="s">
        <v>34</v>
      </c>
      <c r="N218" s="3" t="s">
        <v>142</v>
      </c>
      <c r="O218" s="3" t="s">
        <v>179</v>
      </c>
      <c r="P218" s="3" t="s">
        <v>37</v>
      </c>
      <c r="Q218" s="3" t="s">
        <v>37</v>
      </c>
      <c r="R218" s="3" t="s">
        <v>38</v>
      </c>
      <c r="S218" s="3" t="s">
        <v>509</v>
      </c>
      <c r="T218" s="3" t="s">
        <v>37</v>
      </c>
      <c r="U218" s="3" t="s">
        <v>37</v>
      </c>
      <c r="V218" s="3" t="s">
        <v>37</v>
      </c>
    </row>
    <row r="219" spans="1:22" x14ac:dyDescent="0.25">
      <c r="A219" s="3" t="s">
        <v>853</v>
      </c>
      <c r="B219" s="4" t="s">
        <v>623</v>
      </c>
      <c r="C219" s="3" t="s">
        <v>624</v>
      </c>
      <c r="D219" s="5" t="s">
        <v>458</v>
      </c>
      <c r="E219" s="3" t="s">
        <v>499</v>
      </c>
      <c r="F219" s="3" t="s">
        <v>598</v>
      </c>
      <c r="G219" s="3" t="s">
        <v>475</v>
      </c>
      <c r="H219" s="3" t="s">
        <v>29</v>
      </c>
      <c r="I219" s="3" t="s">
        <v>502</v>
      </c>
      <c r="J219" s="3" t="s">
        <v>599</v>
      </c>
      <c r="K219" s="3" t="s">
        <v>32</v>
      </c>
      <c r="L219" s="3" t="s">
        <v>33</v>
      </c>
      <c r="M219" s="3" t="s">
        <v>34</v>
      </c>
      <c r="N219" s="3" t="s">
        <v>142</v>
      </c>
      <c r="O219" s="3" t="s">
        <v>179</v>
      </c>
      <c r="P219" s="3" t="s">
        <v>37</v>
      </c>
      <c r="Q219" s="3" t="s">
        <v>37</v>
      </c>
      <c r="R219" s="3" t="s">
        <v>38</v>
      </c>
      <c r="S219" s="3" t="s">
        <v>600</v>
      </c>
      <c r="T219" s="3" t="s">
        <v>37</v>
      </c>
      <c r="U219" s="3" t="s">
        <v>37</v>
      </c>
      <c r="V219" s="3" t="s">
        <v>37</v>
      </c>
    </row>
    <row r="220" spans="1:22" x14ac:dyDescent="0.25">
      <c r="A220" s="3" t="s">
        <v>853</v>
      </c>
      <c r="B220" s="4" t="s">
        <v>623</v>
      </c>
      <c r="C220" s="3" t="s">
        <v>624</v>
      </c>
      <c r="D220" s="5" t="s">
        <v>124</v>
      </c>
      <c r="E220" s="3" t="s">
        <v>877</v>
      </c>
      <c r="F220" s="3" t="s">
        <v>1169</v>
      </c>
      <c r="G220" s="3" t="s">
        <v>204</v>
      </c>
      <c r="H220" s="3" t="s">
        <v>65</v>
      </c>
      <c r="I220" s="3" t="s">
        <v>879</v>
      </c>
      <c r="J220" s="3" t="s">
        <v>1170</v>
      </c>
      <c r="K220" s="3" t="s">
        <v>32</v>
      </c>
      <c r="L220" s="3" t="s">
        <v>33</v>
      </c>
      <c r="M220" s="3" t="s">
        <v>881</v>
      </c>
      <c r="N220" s="3" t="s">
        <v>74</v>
      </c>
      <c r="O220" s="3" t="s">
        <v>143</v>
      </c>
      <c r="P220" s="3" t="s">
        <v>37</v>
      </c>
      <c r="Q220" s="3" t="s">
        <v>37</v>
      </c>
      <c r="R220" s="3" t="s">
        <v>38</v>
      </c>
      <c r="S220" s="3" t="s">
        <v>1171</v>
      </c>
      <c r="T220" s="3" t="s">
        <v>37</v>
      </c>
      <c r="U220" s="3" t="s">
        <v>37</v>
      </c>
      <c r="V220" s="3" t="s">
        <v>37</v>
      </c>
    </row>
    <row r="221" spans="1:22" x14ac:dyDescent="0.25">
      <c r="A221" s="3" t="s">
        <v>853</v>
      </c>
      <c r="B221" s="4" t="s">
        <v>623</v>
      </c>
      <c r="C221" s="3" t="s">
        <v>624</v>
      </c>
      <c r="D221" s="5" t="s">
        <v>661</v>
      </c>
      <c r="E221" s="3" t="s">
        <v>877</v>
      </c>
      <c r="F221" s="3" t="s">
        <v>1172</v>
      </c>
      <c r="G221" s="3" t="s">
        <v>495</v>
      </c>
      <c r="H221" s="3" t="s">
        <v>65</v>
      </c>
      <c r="I221" s="3" t="s">
        <v>931</v>
      </c>
      <c r="J221" s="3" t="s">
        <v>1173</v>
      </c>
      <c r="K221" s="3" t="s">
        <v>32</v>
      </c>
      <c r="L221" s="3" t="s">
        <v>33</v>
      </c>
      <c r="M221" s="3" t="s">
        <v>881</v>
      </c>
      <c r="N221" s="3" t="s">
        <v>74</v>
      </c>
      <c r="O221" s="3" t="s">
        <v>143</v>
      </c>
      <c r="P221" s="3" t="s">
        <v>37</v>
      </c>
      <c r="Q221" s="3" t="s">
        <v>37</v>
      </c>
      <c r="R221" s="3" t="s">
        <v>38</v>
      </c>
      <c r="S221" s="3" t="s">
        <v>1174</v>
      </c>
      <c r="T221" s="3" t="s">
        <v>37</v>
      </c>
      <c r="U221" s="3" t="s">
        <v>37</v>
      </c>
      <c r="V221" s="3" t="s">
        <v>37</v>
      </c>
    </row>
    <row r="222" spans="1:22" x14ac:dyDescent="0.25">
      <c r="A222" s="3" t="s">
        <v>853</v>
      </c>
      <c r="B222" s="4" t="s">
        <v>623</v>
      </c>
      <c r="C222" s="3" t="s">
        <v>624</v>
      </c>
      <c r="D222" s="5" t="s">
        <v>977</v>
      </c>
      <c r="E222" s="3" t="s">
        <v>877</v>
      </c>
      <c r="F222" s="3" t="s">
        <v>1399</v>
      </c>
      <c r="G222" s="3" t="s">
        <v>273</v>
      </c>
      <c r="H222" s="3" t="s">
        <v>65</v>
      </c>
      <c r="I222" s="3" t="s">
        <v>879</v>
      </c>
      <c r="J222" s="8" t="s">
        <v>968</v>
      </c>
      <c r="K222" s="3" t="s">
        <v>32</v>
      </c>
      <c r="L222" s="3" t="s">
        <v>33</v>
      </c>
      <c r="M222" s="3" t="s">
        <v>881</v>
      </c>
      <c r="N222" s="3" t="s">
        <v>74</v>
      </c>
      <c r="O222" s="3" t="s">
        <v>143</v>
      </c>
      <c r="P222" s="3" t="s">
        <v>37</v>
      </c>
      <c r="Q222" s="3" t="s">
        <v>37</v>
      </c>
      <c r="R222" s="3" t="s">
        <v>38</v>
      </c>
      <c r="S222" s="3" t="s">
        <v>1400</v>
      </c>
      <c r="T222" s="3" t="s">
        <v>37</v>
      </c>
      <c r="U222" s="3" t="s">
        <v>37</v>
      </c>
      <c r="V222" s="3" t="s">
        <v>37</v>
      </c>
    </row>
    <row r="223" spans="1:22" x14ac:dyDescent="0.25">
      <c r="A223" s="3" t="s">
        <v>853</v>
      </c>
      <c r="B223" s="4" t="s">
        <v>623</v>
      </c>
      <c r="C223" s="3" t="s">
        <v>624</v>
      </c>
      <c r="D223" s="5" t="s">
        <v>981</v>
      </c>
      <c r="E223" s="3" t="s">
        <v>877</v>
      </c>
      <c r="F223" s="3" t="s">
        <v>1175</v>
      </c>
      <c r="G223" s="3" t="s">
        <v>64</v>
      </c>
      <c r="H223" s="3" t="s">
        <v>65</v>
      </c>
      <c r="I223" s="3" t="s">
        <v>931</v>
      </c>
      <c r="J223" s="3" t="s">
        <v>1176</v>
      </c>
      <c r="K223" s="3" t="s">
        <v>32</v>
      </c>
      <c r="L223" s="3" t="s">
        <v>33</v>
      </c>
      <c r="M223" s="3" t="s">
        <v>881</v>
      </c>
      <c r="N223" s="3" t="s">
        <v>74</v>
      </c>
      <c r="O223" s="3" t="s">
        <v>143</v>
      </c>
      <c r="P223" s="3" t="s">
        <v>37</v>
      </c>
      <c r="Q223" s="3" t="s">
        <v>37</v>
      </c>
      <c r="R223" s="3" t="s">
        <v>38</v>
      </c>
      <c r="S223" s="3" t="s">
        <v>1177</v>
      </c>
      <c r="T223" s="3" t="s">
        <v>37</v>
      </c>
      <c r="U223" s="3" t="s">
        <v>37</v>
      </c>
      <c r="V223" s="3" t="s">
        <v>37</v>
      </c>
    </row>
    <row r="224" spans="1:22" x14ac:dyDescent="0.25">
      <c r="A224" s="3" t="s">
        <v>853</v>
      </c>
      <c r="B224" s="4" t="s">
        <v>623</v>
      </c>
      <c r="C224" s="3" t="s">
        <v>624</v>
      </c>
      <c r="D224" s="5" t="s">
        <v>985</v>
      </c>
      <c r="E224" s="3" t="s">
        <v>877</v>
      </c>
      <c r="F224" s="3" t="s">
        <v>1207</v>
      </c>
      <c r="G224" s="3" t="s">
        <v>28</v>
      </c>
      <c r="H224" s="3" t="s">
        <v>65</v>
      </c>
      <c r="I224" s="3" t="s">
        <v>931</v>
      </c>
      <c r="J224" s="3" t="s">
        <v>1208</v>
      </c>
      <c r="K224" s="3" t="s">
        <v>32</v>
      </c>
      <c r="L224" s="3" t="s">
        <v>33</v>
      </c>
      <c r="M224" s="3" t="s">
        <v>881</v>
      </c>
      <c r="N224" s="3" t="s">
        <v>74</v>
      </c>
      <c r="O224" s="3" t="s">
        <v>143</v>
      </c>
      <c r="P224" s="3" t="s">
        <v>37</v>
      </c>
      <c r="Q224" s="3" t="s">
        <v>37</v>
      </c>
      <c r="R224" s="3" t="s">
        <v>38</v>
      </c>
      <c r="S224" s="3" t="s">
        <v>1209</v>
      </c>
      <c r="T224" s="3" t="s">
        <v>37</v>
      </c>
      <c r="U224" s="3" t="s">
        <v>37</v>
      </c>
      <c r="V224" s="3" t="s">
        <v>37</v>
      </c>
    </row>
    <row r="225" spans="1:22" x14ac:dyDescent="0.25">
      <c r="A225" s="3" t="s">
        <v>853</v>
      </c>
      <c r="B225" s="4" t="s">
        <v>623</v>
      </c>
      <c r="C225" s="3" t="s">
        <v>624</v>
      </c>
      <c r="D225" s="5" t="s">
        <v>135</v>
      </c>
      <c r="E225" s="3" t="s">
        <v>877</v>
      </c>
      <c r="F225" s="3" t="s">
        <v>1210</v>
      </c>
      <c r="G225" s="3" t="s">
        <v>507</v>
      </c>
      <c r="H225" s="3" t="s">
        <v>65</v>
      </c>
      <c r="I225" s="3" t="s">
        <v>879</v>
      </c>
      <c r="J225" s="3" t="s">
        <v>1211</v>
      </c>
      <c r="K225" s="3" t="s">
        <v>32</v>
      </c>
      <c r="L225" s="3" t="s">
        <v>33</v>
      </c>
      <c r="M225" s="3" t="s">
        <v>881</v>
      </c>
      <c r="N225" s="3" t="s">
        <v>74</v>
      </c>
      <c r="O225" s="3" t="s">
        <v>143</v>
      </c>
      <c r="P225" s="3" t="s">
        <v>37</v>
      </c>
      <c r="Q225" s="3" t="s">
        <v>37</v>
      </c>
      <c r="R225" s="3" t="s">
        <v>38</v>
      </c>
      <c r="S225" s="3" t="s">
        <v>1212</v>
      </c>
      <c r="T225" s="3" t="s">
        <v>37</v>
      </c>
      <c r="U225" s="3" t="s">
        <v>37</v>
      </c>
      <c r="V225" s="3" t="s">
        <v>37</v>
      </c>
    </row>
    <row r="226" spans="1:22" x14ac:dyDescent="0.25">
      <c r="A226" s="3" t="s">
        <v>853</v>
      </c>
      <c r="B226" s="4" t="s">
        <v>623</v>
      </c>
      <c r="C226" s="3" t="s">
        <v>624</v>
      </c>
      <c r="D226" s="5" t="s">
        <v>136</v>
      </c>
      <c r="E226" s="3" t="s">
        <v>877</v>
      </c>
      <c r="F226" s="3" t="s">
        <v>1213</v>
      </c>
      <c r="G226" s="3" t="s">
        <v>229</v>
      </c>
      <c r="H226" s="3" t="s">
        <v>65</v>
      </c>
      <c r="I226" s="3" t="s">
        <v>879</v>
      </c>
      <c r="J226" s="3" t="s">
        <v>1214</v>
      </c>
      <c r="K226" s="3" t="s">
        <v>32</v>
      </c>
      <c r="L226" s="3" t="s">
        <v>33</v>
      </c>
      <c r="M226" s="3" t="s">
        <v>881</v>
      </c>
      <c r="N226" s="3" t="s">
        <v>74</v>
      </c>
      <c r="O226" s="3" t="s">
        <v>143</v>
      </c>
      <c r="P226" s="3" t="s">
        <v>37</v>
      </c>
      <c r="Q226" s="3" t="s">
        <v>37</v>
      </c>
      <c r="R226" s="3" t="s">
        <v>38</v>
      </c>
      <c r="S226" s="3" t="s">
        <v>1215</v>
      </c>
      <c r="T226" s="3" t="s">
        <v>37</v>
      </c>
      <c r="U226" s="3" t="s">
        <v>37</v>
      </c>
      <c r="V226" s="3" t="s">
        <v>37</v>
      </c>
    </row>
    <row r="227" spans="1:22" x14ac:dyDescent="0.25">
      <c r="A227" s="3" t="s">
        <v>853</v>
      </c>
      <c r="B227" s="4" t="s">
        <v>623</v>
      </c>
      <c r="C227" s="3" t="s">
        <v>624</v>
      </c>
      <c r="D227" s="5" t="s">
        <v>1228</v>
      </c>
      <c r="E227" s="3" t="s">
        <v>877</v>
      </c>
      <c r="F227" s="3" t="s">
        <v>1216</v>
      </c>
      <c r="G227" s="3" t="s">
        <v>283</v>
      </c>
      <c r="H227" s="3" t="s">
        <v>65</v>
      </c>
      <c r="I227" s="3" t="s">
        <v>931</v>
      </c>
      <c r="J227" s="3" t="s">
        <v>1217</v>
      </c>
      <c r="K227" s="3" t="s">
        <v>32</v>
      </c>
      <c r="L227" s="3" t="s">
        <v>33</v>
      </c>
      <c r="M227" s="3" t="s">
        <v>881</v>
      </c>
      <c r="N227" s="3" t="s">
        <v>74</v>
      </c>
      <c r="O227" s="3" t="s">
        <v>143</v>
      </c>
      <c r="P227" s="3" t="s">
        <v>37</v>
      </c>
      <c r="Q227" s="3" t="s">
        <v>37</v>
      </c>
      <c r="R227" s="3" t="s">
        <v>38</v>
      </c>
      <c r="S227" s="3" t="s">
        <v>1218</v>
      </c>
      <c r="T227" s="3" t="s">
        <v>37</v>
      </c>
      <c r="U227" s="3" t="s">
        <v>37</v>
      </c>
      <c r="V227" s="3" t="s">
        <v>37</v>
      </c>
    </row>
    <row r="228" spans="1:22" x14ac:dyDescent="0.25">
      <c r="A228" s="3" t="s">
        <v>853</v>
      </c>
      <c r="B228" s="4" t="s">
        <v>623</v>
      </c>
      <c r="C228" s="3" t="s">
        <v>624</v>
      </c>
      <c r="D228" s="5" t="s">
        <v>1232</v>
      </c>
      <c r="E228" s="3" t="s">
        <v>877</v>
      </c>
      <c r="F228" s="3" t="s">
        <v>1219</v>
      </c>
      <c r="G228" s="3" t="s">
        <v>460</v>
      </c>
      <c r="H228" s="3" t="s">
        <v>65</v>
      </c>
      <c r="I228" s="3" t="s">
        <v>879</v>
      </c>
      <c r="J228" s="3" t="s">
        <v>1220</v>
      </c>
      <c r="K228" s="3" t="s">
        <v>32</v>
      </c>
      <c r="L228" s="3" t="s">
        <v>33</v>
      </c>
      <c r="M228" s="3" t="s">
        <v>881</v>
      </c>
      <c r="N228" s="3" t="s">
        <v>74</v>
      </c>
      <c r="O228" s="3" t="s">
        <v>143</v>
      </c>
      <c r="P228" s="3" t="s">
        <v>37</v>
      </c>
      <c r="Q228" s="3" t="s">
        <v>37</v>
      </c>
      <c r="R228" s="3" t="s">
        <v>38</v>
      </c>
      <c r="S228" s="3" t="s">
        <v>1221</v>
      </c>
      <c r="T228" s="3" t="s">
        <v>37</v>
      </c>
      <c r="U228" s="3" t="s">
        <v>37</v>
      </c>
      <c r="V228" s="3" t="s">
        <v>37</v>
      </c>
    </row>
    <row r="229" spans="1:22" x14ac:dyDescent="0.25">
      <c r="A229" s="3" t="s">
        <v>853</v>
      </c>
      <c r="B229" s="4" t="s">
        <v>623</v>
      </c>
      <c r="C229" s="3" t="s">
        <v>624</v>
      </c>
      <c r="D229" s="5" t="s">
        <v>150</v>
      </c>
      <c r="E229" s="3" t="s">
        <v>877</v>
      </c>
      <c r="F229" s="3" t="s">
        <v>1222</v>
      </c>
      <c r="G229" s="3" t="s">
        <v>121</v>
      </c>
      <c r="H229" s="3" t="s">
        <v>65</v>
      </c>
      <c r="I229" s="3" t="s">
        <v>879</v>
      </c>
      <c r="J229" s="3" t="s">
        <v>1223</v>
      </c>
      <c r="K229" s="3" t="s">
        <v>32</v>
      </c>
      <c r="L229" s="3" t="s">
        <v>33</v>
      </c>
      <c r="M229" s="3" t="s">
        <v>881</v>
      </c>
      <c r="N229" s="3" t="s">
        <v>74</v>
      </c>
      <c r="O229" s="3" t="s">
        <v>143</v>
      </c>
      <c r="P229" s="3" t="s">
        <v>37</v>
      </c>
      <c r="Q229" s="3" t="s">
        <v>37</v>
      </c>
      <c r="R229" s="3" t="s">
        <v>38</v>
      </c>
      <c r="S229" s="3" t="s">
        <v>1224</v>
      </c>
      <c r="T229" s="3" t="s">
        <v>37</v>
      </c>
      <c r="U229" s="3" t="s">
        <v>37</v>
      </c>
      <c r="V229" s="3" t="s">
        <v>37</v>
      </c>
    </row>
    <row r="230" spans="1:22" x14ac:dyDescent="0.25">
      <c r="A230" s="3" t="s">
        <v>853</v>
      </c>
      <c r="B230" s="4" t="s">
        <v>623</v>
      </c>
      <c r="C230" s="3" t="s">
        <v>624</v>
      </c>
      <c r="D230" s="5" t="s">
        <v>473</v>
      </c>
      <c r="E230" s="3" t="s">
        <v>877</v>
      </c>
      <c r="F230" s="3" t="s">
        <v>988</v>
      </c>
      <c r="G230" s="3" t="s">
        <v>234</v>
      </c>
      <c r="H230" s="3" t="s">
        <v>65</v>
      </c>
      <c r="I230" s="3" t="s">
        <v>879</v>
      </c>
      <c r="J230" s="8" t="s">
        <v>968</v>
      </c>
      <c r="K230" s="3" t="s">
        <v>32</v>
      </c>
      <c r="L230" s="3" t="s">
        <v>33</v>
      </c>
      <c r="M230" s="3" t="s">
        <v>881</v>
      </c>
      <c r="N230" s="3" t="s">
        <v>74</v>
      </c>
      <c r="O230" s="3" t="s">
        <v>143</v>
      </c>
      <c r="P230" s="3" t="s">
        <v>37</v>
      </c>
      <c r="Q230" s="3" t="s">
        <v>37</v>
      </c>
      <c r="R230" s="3" t="s">
        <v>38</v>
      </c>
      <c r="S230" s="3" t="s">
        <v>989</v>
      </c>
      <c r="T230" s="3" t="s">
        <v>37</v>
      </c>
      <c r="U230" s="3" t="s">
        <v>37</v>
      </c>
      <c r="V230" s="3" t="s">
        <v>37</v>
      </c>
    </row>
    <row r="231" spans="1:22" x14ac:dyDescent="0.25">
      <c r="A231" s="3" t="s">
        <v>853</v>
      </c>
      <c r="B231" s="4" t="s">
        <v>623</v>
      </c>
      <c r="C231" s="3" t="s">
        <v>624</v>
      </c>
      <c r="D231" s="5" t="s">
        <v>1239</v>
      </c>
      <c r="E231" s="3" t="s">
        <v>877</v>
      </c>
      <c r="F231" s="3" t="s">
        <v>942</v>
      </c>
      <c r="G231" s="3" t="s">
        <v>194</v>
      </c>
      <c r="H231" s="3" t="s">
        <v>65</v>
      </c>
      <c r="I231" s="3" t="s">
        <v>879</v>
      </c>
      <c r="J231" s="3" t="s">
        <v>943</v>
      </c>
      <c r="K231" s="3" t="s">
        <v>32</v>
      </c>
      <c r="L231" s="3" t="s">
        <v>33</v>
      </c>
      <c r="M231" s="3" t="s">
        <v>881</v>
      </c>
      <c r="N231" s="3" t="s">
        <v>74</v>
      </c>
      <c r="O231" s="3" t="s">
        <v>143</v>
      </c>
      <c r="P231" s="3" t="s">
        <v>37</v>
      </c>
      <c r="Q231" s="3" t="s">
        <v>37</v>
      </c>
      <c r="R231" s="3" t="s">
        <v>38</v>
      </c>
      <c r="S231" s="3" t="s">
        <v>944</v>
      </c>
      <c r="T231" s="3" t="s">
        <v>37</v>
      </c>
      <c r="U231" s="3" t="s">
        <v>37</v>
      </c>
      <c r="V231" s="3" t="s">
        <v>37</v>
      </c>
    </row>
    <row r="232" spans="1:22" x14ac:dyDescent="0.25">
      <c r="A232" s="3" t="s">
        <v>853</v>
      </c>
      <c r="B232" s="4" t="s">
        <v>623</v>
      </c>
      <c r="C232" s="3" t="s">
        <v>624</v>
      </c>
      <c r="D232" s="5" t="s">
        <v>997</v>
      </c>
      <c r="E232" s="3" t="s">
        <v>877</v>
      </c>
      <c r="F232" s="3" t="s">
        <v>938</v>
      </c>
      <c r="G232" s="3" t="s">
        <v>475</v>
      </c>
      <c r="H232" s="3" t="s">
        <v>65</v>
      </c>
      <c r="I232" s="3" t="s">
        <v>879</v>
      </c>
      <c r="J232" s="3" t="s">
        <v>939</v>
      </c>
      <c r="K232" s="3" t="s">
        <v>32</v>
      </c>
      <c r="L232" s="3" t="s">
        <v>33</v>
      </c>
      <c r="M232" s="3" t="s">
        <v>881</v>
      </c>
      <c r="N232" s="3" t="s">
        <v>74</v>
      </c>
      <c r="O232" s="3" t="s">
        <v>143</v>
      </c>
      <c r="P232" s="3" t="s">
        <v>37</v>
      </c>
      <c r="Q232" s="3" t="s">
        <v>37</v>
      </c>
      <c r="R232" s="3" t="s">
        <v>38</v>
      </c>
      <c r="S232" s="3" t="s">
        <v>940</v>
      </c>
      <c r="T232" s="3" t="s">
        <v>37</v>
      </c>
      <c r="U232" s="3" t="s">
        <v>37</v>
      </c>
      <c r="V232" s="3" t="s">
        <v>37</v>
      </c>
    </row>
    <row r="233" spans="1:22" x14ac:dyDescent="0.25">
      <c r="A233" s="3" t="s">
        <v>853</v>
      </c>
      <c r="B233" s="4" t="s">
        <v>623</v>
      </c>
      <c r="C233" s="3" t="s">
        <v>624</v>
      </c>
      <c r="D233" s="5" t="s">
        <v>159</v>
      </c>
      <c r="E233" s="3" t="s">
        <v>877</v>
      </c>
      <c r="F233" s="3" t="s">
        <v>952</v>
      </c>
      <c r="G233" s="3" t="s">
        <v>575</v>
      </c>
      <c r="H233" s="3" t="s">
        <v>65</v>
      </c>
      <c r="I233" s="3" t="s">
        <v>879</v>
      </c>
      <c r="J233" s="3" t="s">
        <v>953</v>
      </c>
      <c r="K233" s="3" t="s">
        <v>32</v>
      </c>
      <c r="L233" s="3" t="s">
        <v>33</v>
      </c>
      <c r="M233" s="3" t="s">
        <v>881</v>
      </c>
      <c r="N233" s="3" t="s">
        <v>74</v>
      </c>
      <c r="O233" s="3" t="s">
        <v>143</v>
      </c>
      <c r="P233" s="3" t="s">
        <v>37</v>
      </c>
      <c r="Q233" s="3" t="s">
        <v>37</v>
      </c>
      <c r="R233" s="3" t="s">
        <v>38</v>
      </c>
      <c r="S233" s="3" t="s">
        <v>954</v>
      </c>
      <c r="T233" s="3" t="s">
        <v>37</v>
      </c>
      <c r="U233" s="3" t="s">
        <v>37</v>
      </c>
      <c r="V233" s="3" t="s">
        <v>37</v>
      </c>
    </row>
    <row r="234" spans="1:22" x14ac:dyDescent="0.25">
      <c r="A234" s="3" t="s">
        <v>853</v>
      </c>
      <c r="B234" s="4" t="s">
        <v>623</v>
      </c>
      <c r="C234" s="3" t="s">
        <v>624</v>
      </c>
      <c r="D234" s="5" t="s">
        <v>1249</v>
      </c>
      <c r="E234" s="3" t="s">
        <v>877</v>
      </c>
      <c r="F234" s="3" t="s">
        <v>956</v>
      </c>
      <c r="G234" s="3" t="s">
        <v>177</v>
      </c>
      <c r="H234" s="3" t="s">
        <v>65</v>
      </c>
      <c r="I234" s="3" t="s">
        <v>879</v>
      </c>
      <c r="J234" s="3" t="s">
        <v>957</v>
      </c>
      <c r="K234" s="3" t="s">
        <v>32</v>
      </c>
      <c r="L234" s="3" t="s">
        <v>33</v>
      </c>
      <c r="M234" s="3" t="s">
        <v>881</v>
      </c>
      <c r="N234" s="3" t="s">
        <v>74</v>
      </c>
      <c r="O234" s="3" t="s">
        <v>143</v>
      </c>
      <c r="P234" s="3" t="s">
        <v>37</v>
      </c>
      <c r="Q234" s="3" t="s">
        <v>37</v>
      </c>
      <c r="R234" s="3" t="s">
        <v>38</v>
      </c>
      <c r="S234" s="3" t="s">
        <v>958</v>
      </c>
      <c r="T234" s="3" t="s">
        <v>37</v>
      </c>
      <c r="U234" s="3" t="s">
        <v>37</v>
      </c>
      <c r="V234" s="3" t="s">
        <v>37</v>
      </c>
    </row>
    <row r="235" spans="1:22" x14ac:dyDescent="0.25">
      <c r="A235" s="3" t="s">
        <v>853</v>
      </c>
      <c r="B235" s="4" t="s">
        <v>623</v>
      </c>
      <c r="C235" s="3" t="s">
        <v>624</v>
      </c>
      <c r="D235" s="5" t="s">
        <v>1001</v>
      </c>
      <c r="E235" s="3" t="s">
        <v>903</v>
      </c>
      <c r="F235" s="3" t="s">
        <v>904</v>
      </c>
      <c r="G235" s="3" t="s">
        <v>680</v>
      </c>
      <c r="H235" s="3" t="s">
        <v>49</v>
      </c>
      <c r="I235" s="3" t="s">
        <v>37</v>
      </c>
      <c r="J235" s="3" t="s">
        <v>1401</v>
      </c>
      <c r="K235" s="3" t="s">
        <v>32</v>
      </c>
      <c r="L235" s="3" t="s">
        <v>33</v>
      </c>
      <c r="M235" s="3" t="s">
        <v>67</v>
      </c>
      <c r="N235" s="3" t="s">
        <v>74</v>
      </c>
      <c r="O235" s="3" t="s">
        <v>179</v>
      </c>
      <c r="P235" s="3" t="s">
        <v>37</v>
      </c>
      <c r="Q235" s="3" t="s">
        <v>37</v>
      </c>
      <c r="R235" s="3" t="s">
        <v>38</v>
      </c>
      <c r="S235" s="3" t="s">
        <v>1402</v>
      </c>
      <c r="T235" s="3" t="s">
        <v>37</v>
      </c>
      <c r="U235" s="3" t="s">
        <v>37</v>
      </c>
      <c r="V235" s="3" t="s">
        <v>37</v>
      </c>
    </row>
    <row r="236" spans="1:22" x14ac:dyDescent="0.25">
      <c r="A236" s="3" t="s">
        <v>853</v>
      </c>
      <c r="B236" s="4" t="s">
        <v>623</v>
      </c>
      <c r="C236" s="3" t="s">
        <v>624</v>
      </c>
      <c r="D236" s="5" t="s">
        <v>1002</v>
      </c>
      <c r="E236" s="3" t="s">
        <v>915</v>
      </c>
      <c r="F236" s="3" t="s">
        <v>1403</v>
      </c>
      <c r="G236" s="3" t="s">
        <v>410</v>
      </c>
      <c r="H236" s="3" t="s">
        <v>65</v>
      </c>
      <c r="I236" s="3" t="s">
        <v>37</v>
      </c>
      <c r="J236" s="3" t="s">
        <v>1404</v>
      </c>
      <c r="K236" s="3" t="s">
        <v>32</v>
      </c>
      <c r="L236" s="3" t="s">
        <v>33</v>
      </c>
      <c r="M236" s="3" t="s">
        <v>67</v>
      </c>
      <c r="N236" s="3" t="s">
        <v>142</v>
      </c>
      <c r="O236" s="3" t="s">
        <v>179</v>
      </c>
      <c r="P236" s="3" t="s">
        <v>37</v>
      </c>
      <c r="Q236" s="3" t="s">
        <v>37</v>
      </c>
      <c r="R236" s="3" t="s">
        <v>38</v>
      </c>
      <c r="S236" s="3" t="s">
        <v>1405</v>
      </c>
      <c r="T236" s="3" t="s">
        <v>37</v>
      </c>
      <c r="U236" s="3" t="s">
        <v>37</v>
      </c>
      <c r="V236" s="3" t="s">
        <v>37</v>
      </c>
    </row>
    <row r="237" spans="1:22" x14ac:dyDescent="0.25">
      <c r="A237" s="3" t="s">
        <v>853</v>
      </c>
      <c r="B237" s="4" t="s">
        <v>623</v>
      </c>
      <c r="C237" s="3" t="s">
        <v>624</v>
      </c>
      <c r="D237" s="5" t="s">
        <v>1006</v>
      </c>
      <c r="E237" s="3" t="s">
        <v>1255</v>
      </c>
      <c r="F237" s="3" t="s">
        <v>1406</v>
      </c>
      <c r="G237" s="3" t="s">
        <v>29</v>
      </c>
      <c r="H237" s="3" t="s">
        <v>65</v>
      </c>
      <c r="I237" s="3" t="s">
        <v>37</v>
      </c>
      <c r="J237" s="3" t="s">
        <v>1257</v>
      </c>
      <c r="K237" s="3" t="s">
        <v>32</v>
      </c>
      <c r="L237" s="3" t="s">
        <v>33</v>
      </c>
      <c r="M237" s="3" t="s">
        <v>67</v>
      </c>
      <c r="N237" s="3" t="s">
        <v>74</v>
      </c>
      <c r="O237" s="3" t="s">
        <v>179</v>
      </c>
      <c r="P237" s="3" t="s">
        <v>37</v>
      </c>
      <c r="Q237" s="3" t="s">
        <v>37</v>
      </c>
      <c r="R237" s="3" t="s">
        <v>38</v>
      </c>
      <c r="S237" s="3" t="s">
        <v>1407</v>
      </c>
      <c r="T237" s="3" t="s">
        <v>37</v>
      </c>
      <c r="U237" s="3" t="s">
        <v>37</v>
      </c>
      <c r="V237" s="3" t="s">
        <v>37</v>
      </c>
    </row>
    <row r="238" spans="1:22" x14ac:dyDescent="0.25">
      <c r="A238" s="3" t="s">
        <v>853</v>
      </c>
      <c r="B238" s="4" t="s">
        <v>623</v>
      </c>
      <c r="C238" s="3" t="s">
        <v>624</v>
      </c>
      <c r="D238" s="5" t="s">
        <v>1261</v>
      </c>
      <c r="E238" s="3" t="s">
        <v>499</v>
      </c>
      <c r="F238" s="3" t="s">
        <v>601</v>
      </c>
      <c r="G238" s="3" t="s">
        <v>480</v>
      </c>
      <c r="H238" s="3" t="s">
        <v>29</v>
      </c>
      <c r="I238" s="3" t="s">
        <v>502</v>
      </c>
      <c r="J238" s="3" t="s">
        <v>602</v>
      </c>
      <c r="K238" s="3" t="s">
        <v>32</v>
      </c>
      <c r="L238" s="3" t="s">
        <v>33</v>
      </c>
      <c r="M238" s="3" t="s">
        <v>34</v>
      </c>
      <c r="N238" s="3" t="s">
        <v>142</v>
      </c>
      <c r="O238" s="3" t="s">
        <v>179</v>
      </c>
      <c r="P238" s="3" t="s">
        <v>37</v>
      </c>
      <c r="Q238" s="3" t="s">
        <v>37</v>
      </c>
      <c r="R238" s="3" t="s">
        <v>38</v>
      </c>
      <c r="S238" s="3" t="s">
        <v>603</v>
      </c>
      <c r="T238" s="3" t="s">
        <v>37</v>
      </c>
      <c r="U238" s="3" t="s">
        <v>37</v>
      </c>
      <c r="V238" s="3" t="s">
        <v>37</v>
      </c>
    </row>
    <row r="239" spans="1:22" x14ac:dyDescent="0.25">
      <c r="A239" s="3" t="s">
        <v>853</v>
      </c>
      <c r="B239" s="4" t="s">
        <v>623</v>
      </c>
      <c r="C239" s="3" t="s">
        <v>624</v>
      </c>
      <c r="D239" s="5" t="s">
        <v>1012</v>
      </c>
      <c r="E239" s="3" t="s">
        <v>1013</v>
      </c>
      <c r="F239" s="3" t="s">
        <v>1408</v>
      </c>
      <c r="G239" s="3" t="s">
        <v>199</v>
      </c>
      <c r="H239" s="3" t="s">
        <v>65</v>
      </c>
      <c r="I239" s="3" t="s">
        <v>1015</v>
      </c>
      <c r="J239" s="3" t="s">
        <v>1409</v>
      </c>
      <c r="K239" s="3" t="s">
        <v>32</v>
      </c>
      <c r="L239" s="3" t="s">
        <v>33</v>
      </c>
      <c r="M239" s="3" t="s">
        <v>67</v>
      </c>
      <c r="N239" s="3" t="s">
        <v>35</v>
      </c>
      <c r="O239" s="3" t="s">
        <v>53</v>
      </c>
      <c r="P239" s="3" t="s">
        <v>37</v>
      </c>
      <c r="Q239" s="3" t="s">
        <v>37</v>
      </c>
      <c r="R239" s="3" t="s">
        <v>38</v>
      </c>
      <c r="S239" s="3" t="s">
        <v>1410</v>
      </c>
      <c r="T239" s="3" t="s">
        <v>37</v>
      </c>
      <c r="U239" s="3" t="s">
        <v>37</v>
      </c>
      <c r="V239" s="3" t="s">
        <v>37</v>
      </c>
    </row>
    <row r="240" spans="1:22" x14ac:dyDescent="0.25">
      <c r="A240" s="3" t="s">
        <v>853</v>
      </c>
      <c r="B240" s="4" t="s">
        <v>623</v>
      </c>
      <c r="C240" s="3" t="s">
        <v>624</v>
      </c>
      <c r="D240" s="5" t="s">
        <v>192</v>
      </c>
      <c r="E240" s="3" t="s">
        <v>1018</v>
      </c>
      <c r="F240" s="3" t="s">
        <v>1411</v>
      </c>
      <c r="G240" s="3" t="s">
        <v>1412</v>
      </c>
      <c r="H240" s="3" t="s">
        <v>325</v>
      </c>
      <c r="I240" s="3" t="s">
        <v>1025</v>
      </c>
      <c r="J240" s="3" t="s">
        <v>1413</v>
      </c>
      <c r="K240" s="3" t="s">
        <v>32</v>
      </c>
      <c r="L240" s="3" t="s">
        <v>33</v>
      </c>
      <c r="M240" s="3" t="s">
        <v>67</v>
      </c>
      <c r="N240" s="3" t="s">
        <v>117</v>
      </c>
      <c r="O240" s="3" t="s">
        <v>179</v>
      </c>
      <c r="P240" s="3" t="s">
        <v>37</v>
      </c>
      <c r="Q240" s="3" t="s">
        <v>37</v>
      </c>
      <c r="R240" s="3" t="s">
        <v>38</v>
      </c>
      <c r="S240" s="3" t="s">
        <v>1414</v>
      </c>
      <c r="T240" s="3" t="s">
        <v>37</v>
      </c>
      <c r="U240" s="3" t="s">
        <v>37</v>
      </c>
      <c r="V240" s="3" t="s">
        <v>37</v>
      </c>
    </row>
    <row r="241" spans="1:22" x14ac:dyDescent="0.25">
      <c r="A241" s="3" t="s">
        <v>853</v>
      </c>
      <c r="B241" s="4" t="s">
        <v>623</v>
      </c>
      <c r="C241" s="3" t="s">
        <v>624</v>
      </c>
      <c r="D241" s="5" t="s">
        <v>1023</v>
      </c>
      <c r="E241" s="3" t="s">
        <v>1272</v>
      </c>
      <c r="F241" s="3" t="s">
        <v>1415</v>
      </c>
      <c r="G241" s="3" t="s">
        <v>1416</v>
      </c>
      <c r="H241" s="3" t="s">
        <v>325</v>
      </c>
      <c r="I241" s="3" t="s">
        <v>1417</v>
      </c>
      <c r="J241" s="3" t="s">
        <v>1418</v>
      </c>
      <c r="K241" s="3" t="s">
        <v>32</v>
      </c>
      <c r="L241" s="3" t="s">
        <v>33</v>
      </c>
      <c r="M241" s="3" t="s">
        <v>67</v>
      </c>
      <c r="N241" s="3" t="s">
        <v>117</v>
      </c>
      <c r="O241" s="3" t="s">
        <v>179</v>
      </c>
      <c r="P241" s="3" t="s">
        <v>37</v>
      </c>
      <c r="Q241" s="3" t="s">
        <v>37</v>
      </c>
      <c r="R241" s="3" t="s">
        <v>38</v>
      </c>
      <c r="S241" s="3" t="s">
        <v>1419</v>
      </c>
      <c r="T241" s="3" t="s">
        <v>37</v>
      </c>
      <c r="U241" s="3" t="s">
        <v>37</v>
      </c>
      <c r="V241" s="3" t="s">
        <v>37</v>
      </c>
    </row>
    <row r="242" spans="1:22" x14ac:dyDescent="0.25">
      <c r="A242" s="3" t="s">
        <v>853</v>
      </c>
      <c r="B242" s="4" t="s">
        <v>623</v>
      </c>
      <c r="C242" s="3" t="s">
        <v>624</v>
      </c>
      <c r="D242" s="5" t="s">
        <v>498</v>
      </c>
      <c r="E242" s="3" t="s">
        <v>877</v>
      </c>
      <c r="F242" s="3" t="s">
        <v>959</v>
      </c>
      <c r="G242" s="3" t="s">
        <v>199</v>
      </c>
      <c r="H242" s="3" t="s">
        <v>65</v>
      </c>
      <c r="I242" s="3" t="s">
        <v>879</v>
      </c>
      <c r="J242" s="3" t="s">
        <v>960</v>
      </c>
      <c r="K242" s="3" t="s">
        <v>32</v>
      </c>
      <c r="L242" s="3" t="s">
        <v>33</v>
      </c>
      <c r="M242" s="3" t="s">
        <v>881</v>
      </c>
      <c r="N242" s="3" t="s">
        <v>74</v>
      </c>
      <c r="O242" s="3" t="s">
        <v>143</v>
      </c>
      <c r="P242" s="3" t="s">
        <v>37</v>
      </c>
      <c r="Q242" s="3" t="s">
        <v>37</v>
      </c>
      <c r="R242" s="3" t="s">
        <v>38</v>
      </c>
      <c r="S242" s="3" t="s">
        <v>961</v>
      </c>
      <c r="T242" s="3" t="s">
        <v>37</v>
      </c>
      <c r="U242" s="3" t="s">
        <v>37</v>
      </c>
      <c r="V242" s="3" t="s">
        <v>37</v>
      </c>
    </row>
    <row r="243" spans="1:22" x14ac:dyDescent="0.25">
      <c r="A243" s="3" t="s">
        <v>853</v>
      </c>
      <c r="B243" s="4" t="s">
        <v>623</v>
      </c>
      <c r="C243" s="3" t="s">
        <v>624</v>
      </c>
      <c r="D243" s="5" t="s">
        <v>1281</v>
      </c>
      <c r="E243" s="3" t="s">
        <v>877</v>
      </c>
      <c r="F243" s="3" t="s">
        <v>963</v>
      </c>
      <c r="G243" s="3" t="s">
        <v>582</v>
      </c>
      <c r="H243" s="3" t="s">
        <v>65</v>
      </c>
      <c r="I243" s="3" t="s">
        <v>879</v>
      </c>
      <c r="J243" s="3" t="s">
        <v>964</v>
      </c>
      <c r="K243" s="3" t="s">
        <v>32</v>
      </c>
      <c r="L243" s="3" t="s">
        <v>33</v>
      </c>
      <c r="M243" s="3" t="s">
        <v>881</v>
      </c>
      <c r="N243" s="3" t="s">
        <v>74</v>
      </c>
      <c r="O243" s="3" t="s">
        <v>143</v>
      </c>
      <c r="P243" s="3" t="s">
        <v>37</v>
      </c>
      <c r="Q243" s="3" t="s">
        <v>37</v>
      </c>
      <c r="R243" s="3" t="s">
        <v>38</v>
      </c>
      <c r="S243" s="3" t="s">
        <v>965</v>
      </c>
      <c r="T243" s="3" t="s">
        <v>37</v>
      </c>
      <c r="U243" s="3" t="s">
        <v>37</v>
      </c>
      <c r="V243" s="3" t="s">
        <v>37</v>
      </c>
    </row>
    <row r="244" spans="1:22" x14ac:dyDescent="0.25">
      <c r="A244" s="3" t="s">
        <v>853</v>
      </c>
      <c r="B244" s="4" t="s">
        <v>623</v>
      </c>
      <c r="C244" s="3" t="s">
        <v>624</v>
      </c>
      <c r="D244" s="5" t="s">
        <v>1282</v>
      </c>
      <c r="E244" s="3" t="s">
        <v>877</v>
      </c>
      <c r="F244" s="3" t="s">
        <v>986</v>
      </c>
      <c r="G244" s="3" t="s">
        <v>139</v>
      </c>
      <c r="H244" s="3" t="s">
        <v>65</v>
      </c>
      <c r="I244" s="3" t="s">
        <v>879</v>
      </c>
      <c r="J244" s="8" t="s">
        <v>968</v>
      </c>
      <c r="K244" s="3" t="s">
        <v>32</v>
      </c>
      <c r="L244" s="3" t="s">
        <v>33</v>
      </c>
      <c r="M244" s="3" t="s">
        <v>881</v>
      </c>
      <c r="N244" s="3" t="s">
        <v>74</v>
      </c>
      <c r="O244" s="3" t="s">
        <v>143</v>
      </c>
      <c r="P244" s="3" t="s">
        <v>37</v>
      </c>
      <c r="Q244" s="3" t="s">
        <v>37</v>
      </c>
      <c r="R244" s="3" t="s">
        <v>38</v>
      </c>
      <c r="S244" s="3" t="s">
        <v>987</v>
      </c>
      <c r="T244" s="3" t="s">
        <v>37</v>
      </c>
      <c r="U244" s="3" t="s">
        <v>37</v>
      </c>
      <c r="V244" s="3" t="s">
        <v>37</v>
      </c>
    </row>
    <row r="245" spans="1:22" x14ac:dyDescent="0.25">
      <c r="A245" s="3" t="s">
        <v>853</v>
      </c>
      <c r="B245" s="4" t="s">
        <v>623</v>
      </c>
      <c r="C245" s="3" t="s">
        <v>624</v>
      </c>
      <c r="D245" s="5" t="s">
        <v>1033</v>
      </c>
      <c r="E245" s="3" t="s">
        <v>872</v>
      </c>
      <c r="F245" s="3" t="s">
        <v>911</v>
      </c>
      <c r="G245" s="3" t="s">
        <v>99</v>
      </c>
      <c r="H245" s="3" t="s">
        <v>65</v>
      </c>
      <c r="I245" s="3" t="s">
        <v>37</v>
      </c>
      <c r="J245" s="3" t="s">
        <v>912</v>
      </c>
      <c r="K245" s="3" t="s">
        <v>32</v>
      </c>
      <c r="L245" s="3" t="s">
        <v>33</v>
      </c>
      <c r="M245" s="3" t="s">
        <v>67</v>
      </c>
      <c r="N245" s="3" t="s">
        <v>52</v>
      </c>
      <c r="O245" s="3" t="s">
        <v>53</v>
      </c>
      <c r="P245" s="3" t="s">
        <v>37</v>
      </c>
      <c r="Q245" s="3" t="s">
        <v>37</v>
      </c>
      <c r="R245" s="3" t="s">
        <v>38</v>
      </c>
      <c r="S245" s="3" t="s">
        <v>913</v>
      </c>
      <c r="T245" s="3" t="s">
        <v>37</v>
      </c>
      <c r="U245" s="3" t="s">
        <v>37</v>
      </c>
      <c r="V245" s="3" t="s">
        <v>37</v>
      </c>
    </row>
    <row r="246" spans="1:22" x14ac:dyDescent="0.25">
      <c r="A246" s="3" t="s">
        <v>853</v>
      </c>
      <c r="B246" s="4" t="s">
        <v>623</v>
      </c>
      <c r="C246" s="3" t="s">
        <v>624</v>
      </c>
      <c r="D246" s="5" t="s">
        <v>212</v>
      </c>
      <c r="E246" s="3" t="s">
        <v>1090</v>
      </c>
      <c r="F246" s="3" t="s">
        <v>1420</v>
      </c>
      <c r="G246" s="3" t="s">
        <v>204</v>
      </c>
      <c r="H246" s="3" t="s">
        <v>65</v>
      </c>
      <c r="I246" s="3" t="s">
        <v>1092</v>
      </c>
      <c r="J246" s="3" t="s">
        <v>1421</v>
      </c>
      <c r="K246" s="3" t="s">
        <v>32</v>
      </c>
      <c r="L246" s="3" t="s">
        <v>33</v>
      </c>
      <c r="M246" s="3" t="s">
        <v>67</v>
      </c>
      <c r="N246" s="3" t="s">
        <v>52</v>
      </c>
      <c r="O246" s="3" t="s">
        <v>179</v>
      </c>
      <c r="P246" s="3" t="s">
        <v>37</v>
      </c>
      <c r="Q246" s="3" t="s">
        <v>37</v>
      </c>
      <c r="R246" s="3" t="s">
        <v>38</v>
      </c>
      <c r="S246" s="3" t="s">
        <v>1422</v>
      </c>
      <c r="T246" s="3" t="s">
        <v>37</v>
      </c>
      <c r="U246" s="3" t="s">
        <v>37</v>
      </c>
      <c r="V246" s="3" t="s">
        <v>37</v>
      </c>
    </row>
    <row r="247" spans="1:22" x14ac:dyDescent="0.25">
      <c r="A247" s="3" t="s">
        <v>853</v>
      </c>
      <c r="B247" s="4" t="s">
        <v>623</v>
      </c>
      <c r="C247" s="3" t="s">
        <v>624</v>
      </c>
      <c r="D247" s="5" t="s">
        <v>373</v>
      </c>
      <c r="E247" s="3" t="s">
        <v>915</v>
      </c>
      <c r="F247" s="3" t="s">
        <v>1423</v>
      </c>
      <c r="G247" s="3" t="s">
        <v>64</v>
      </c>
      <c r="H247" s="3" t="s">
        <v>65</v>
      </c>
      <c r="I247" s="3" t="s">
        <v>1366</v>
      </c>
      <c r="J247" s="3" t="s">
        <v>1424</v>
      </c>
      <c r="K247" s="3" t="s">
        <v>32</v>
      </c>
      <c r="L247" s="3" t="s">
        <v>33</v>
      </c>
      <c r="M247" s="3" t="s">
        <v>67</v>
      </c>
      <c r="N247" s="3" t="s">
        <v>142</v>
      </c>
      <c r="O247" s="3" t="s">
        <v>179</v>
      </c>
      <c r="P247" s="3" t="s">
        <v>37</v>
      </c>
      <c r="Q247" s="3" t="s">
        <v>37</v>
      </c>
      <c r="R247" s="3" t="s">
        <v>38</v>
      </c>
      <c r="S247" s="3" t="s">
        <v>1425</v>
      </c>
      <c r="T247" s="3" t="s">
        <v>37</v>
      </c>
      <c r="U247" s="3" t="s">
        <v>37</v>
      </c>
      <c r="V247" s="3" t="s">
        <v>37</v>
      </c>
    </row>
    <row r="248" spans="1:22" x14ac:dyDescent="0.25">
      <c r="A248" s="3" t="s">
        <v>853</v>
      </c>
      <c r="B248" s="4" t="s">
        <v>623</v>
      </c>
      <c r="C248" s="3" t="s">
        <v>624</v>
      </c>
      <c r="D248" s="5" t="s">
        <v>221</v>
      </c>
      <c r="E248" s="3" t="s">
        <v>499</v>
      </c>
      <c r="F248" s="3" t="s">
        <v>683</v>
      </c>
      <c r="G248" s="3" t="s">
        <v>455</v>
      </c>
      <c r="H248" s="3" t="s">
        <v>29</v>
      </c>
      <c r="I248" s="3" t="s">
        <v>502</v>
      </c>
      <c r="J248" s="3" t="s">
        <v>684</v>
      </c>
      <c r="K248" s="3" t="s">
        <v>32</v>
      </c>
      <c r="L248" s="3" t="s">
        <v>37</v>
      </c>
      <c r="M248" s="3" t="s">
        <v>34</v>
      </c>
      <c r="N248" s="3" t="s">
        <v>142</v>
      </c>
      <c r="O248" s="3" t="s">
        <v>179</v>
      </c>
      <c r="P248" s="3" t="s">
        <v>37</v>
      </c>
      <c r="Q248" s="3" t="s">
        <v>37</v>
      </c>
      <c r="R248" s="3" t="s">
        <v>38</v>
      </c>
      <c r="S248" s="3" t="s">
        <v>685</v>
      </c>
      <c r="T248" s="3" t="s">
        <v>37</v>
      </c>
      <c r="U248" s="3" t="s">
        <v>37</v>
      </c>
      <c r="V248" s="3" t="s">
        <v>37</v>
      </c>
    </row>
    <row r="249" spans="1:22" x14ac:dyDescent="0.25">
      <c r="A249" s="3" t="s">
        <v>853</v>
      </c>
      <c r="B249" s="4" t="s">
        <v>623</v>
      </c>
      <c r="C249" s="3" t="s">
        <v>624</v>
      </c>
      <c r="D249" s="5" t="s">
        <v>1047</v>
      </c>
      <c r="E249" s="3" t="s">
        <v>1013</v>
      </c>
      <c r="F249" s="3" t="s">
        <v>1426</v>
      </c>
      <c r="G249" s="3" t="s">
        <v>420</v>
      </c>
      <c r="H249" s="3" t="s">
        <v>65</v>
      </c>
      <c r="I249" s="3" t="s">
        <v>1118</v>
      </c>
      <c r="J249" s="3" t="s">
        <v>1427</v>
      </c>
      <c r="K249" s="3" t="s">
        <v>32</v>
      </c>
      <c r="L249" s="3" t="s">
        <v>33</v>
      </c>
      <c r="M249" s="3" t="s">
        <v>67</v>
      </c>
      <c r="N249" s="3" t="s">
        <v>35</v>
      </c>
      <c r="O249" s="3" t="s">
        <v>53</v>
      </c>
      <c r="P249" s="3" t="s">
        <v>37</v>
      </c>
      <c r="Q249" s="3" t="s">
        <v>37</v>
      </c>
      <c r="R249" s="3" t="s">
        <v>38</v>
      </c>
      <c r="S249" s="3" t="s">
        <v>1428</v>
      </c>
      <c r="T249" s="3" t="s">
        <v>37</v>
      </c>
      <c r="U249" s="3" t="s">
        <v>37</v>
      </c>
      <c r="V249" s="3" t="s">
        <v>37</v>
      </c>
    </row>
    <row r="250" spans="1:22" x14ac:dyDescent="0.25">
      <c r="A250" s="3" t="s">
        <v>853</v>
      </c>
      <c r="B250" s="4" t="s">
        <v>623</v>
      </c>
      <c r="C250" s="3" t="s">
        <v>624</v>
      </c>
      <c r="D250" s="5" t="s">
        <v>226</v>
      </c>
      <c r="E250" s="3" t="s">
        <v>1018</v>
      </c>
      <c r="F250" s="3" t="s">
        <v>1429</v>
      </c>
      <c r="G250" s="3" t="s">
        <v>283</v>
      </c>
      <c r="H250" s="3" t="s">
        <v>29</v>
      </c>
      <c r="I250" s="3" t="s">
        <v>1430</v>
      </c>
      <c r="J250" s="3" t="s">
        <v>1431</v>
      </c>
      <c r="K250" s="3" t="s">
        <v>32</v>
      </c>
      <c r="L250" s="3" t="s">
        <v>33</v>
      </c>
      <c r="M250" s="3" t="s">
        <v>67</v>
      </c>
      <c r="N250" s="3" t="s">
        <v>1123</v>
      </c>
      <c r="O250" s="3" t="s">
        <v>36</v>
      </c>
      <c r="P250" s="3" t="s">
        <v>37</v>
      </c>
      <c r="Q250" s="3" t="s">
        <v>37</v>
      </c>
      <c r="R250" s="3" t="s">
        <v>38</v>
      </c>
      <c r="S250" s="3" t="s">
        <v>1432</v>
      </c>
      <c r="T250" s="3" t="s">
        <v>37</v>
      </c>
      <c r="U250" s="3" t="s">
        <v>37</v>
      </c>
      <c r="V250" s="3" t="s">
        <v>37</v>
      </c>
    </row>
    <row r="251" spans="1:22" x14ac:dyDescent="0.25">
      <c r="A251" s="3" t="s">
        <v>853</v>
      </c>
      <c r="B251" s="4" t="s">
        <v>623</v>
      </c>
      <c r="C251" s="3" t="s">
        <v>624</v>
      </c>
      <c r="D251" s="5" t="s">
        <v>1054</v>
      </c>
      <c r="E251" s="3" t="s">
        <v>866</v>
      </c>
      <c r="F251" s="3" t="s">
        <v>1433</v>
      </c>
      <c r="G251" s="3" t="s">
        <v>194</v>
      </c>
      <c r="H251" s="3" t="s">
        <v>65</v>
      </c>
      <c r="I251" s="3" t="s">
        <v>868</v>
      </c>
      <c r="J251" s="3" t="s">
        <v>1434</v>
      </c>
      <c r="K251" s="3" t="s">
        <v>32</v>
      </c>
      <c r="L251" s="3" t="s">
        <v>33</v>
      </c>
      <c r="M251" s="3" t="s">
        <v>34</v>
      </c>
      <c r="N251" s="3" t="s">
        <v>52</v>
      </c>
      <c r="O251" s="3" t="s">
        <v>53</v>
      </c>
      <c r="P251" s="3" t="s">
        <v>37</v>
      </c>
      <c r="Q251" s="3" t="s">
        <v>37</v>
      </c>
      <c r="R251" s="3" t="s">
        <v>38</v>
      </c>
      <c r="S251" s="3" t="s">
        <v>1435</v>
      </c>
      <c r="T251" s="3" t="s">
        <v>37</v>
      </c>
      <c r="U251" s="3" t="s">
        <v>37</v>
      </c>
      <c r="V251" s="3" t="s">
        <v>37</v>
      </c>
    </row>
    <row r="252" spans="1:22" x14ac:dyDescent="0.25">
      <c r="A252" s="3"/>
      <c r="B252" s="4"/>
      <c r="C252" s="3"/>
      <c r="D252" s="5"/>
      <c r="E252" s="6" t="s">
        <v>1055</v>
      </c>
      <c r="F252" s="3"/>
      <c r="G252" s="3"/>
      <c r="H252" s="3"/>
      <c r="I252" s="3"/>
      <c r="J252" s="3"/>
      <c r="K252" s="3"/>
      <c r="L252" s="3"/>
      <c r="M252" s="3"/>
      <c r="N252" s="3"/>
      <c r="O252" s="3"/>
      <c r="P252" s="3"/>
      <c r="Q252" s="3"/>
      <c r="R252" s="3"/>
      <c r="S252" s="3"/>
      <c r="T252" s="3"/>
      <c r="U252" s="3"/>
      <c r="V252" s="3"/>
    </row>
    <row r="253" spans="1:22" x14ac:dyDescent="0.25">
      <c r="A253" s="3"/>
      <c r="B253" s="4"/>
      <c r="C253" s="3"/>
      <c r="D253" s="5"/>
      <c r="E253" s="3"/>
      <c r="F253" s="3"/>
      <c r="G253" s="3"/>
      <c r="H253" s="3"/>
      <c r="I253" s="3"/>
      <c r="J253" s="3"/>
      <c r="K253" s="3"/>
      <c r="L253" s="3"/>
      <c r="M253" s="3"/>
      <c r="N253" s="3"/>
      <c r="O253" s="3"/>
      <c r="P253" s="3"/>
      <c r="Q253" s="3"/>
      <c r="R253" s="3"/>
      <c r="S253" s="3"/>
      <c r="T253" s="3"/>
      <c r="U253" s="3"/>
      <c r="V253" s="3"/>
    </row>
    <row r="254" spans="1:22" x14ac:dyDescent="0.25">
      <c r="A254" s="3" t="s">
        <v>853</v>
      </c>
      <c r="B254" s="4" t="s">
        <v>708</v>
      </c>
      <c r="C254" s="3" t="s">
        <v>709</v>
      </c>
      <c r="D254" s="5" t="s">
        <v>25</v>
      </c>
      <c r="E254" s="3" t="s">
        <v>854</v>
      </c>
      <c r="F254" s="3" t="s">
        <v>855</v>
      </c>
      <c r="G254" s="3" t="s">
        <v>94</v>
      </c>
      <c r="H254" s="3" t="s">
        <v>65</v>
      </c>
      <c r="I254" s="3" t="s">
        <v>856</v>
      </c>
      <c r="J254" s="3" t="s">
        <v>857</v>
      </c>
      <c r="K254" s="3" t="s">
        <v>32</v>
      </c>
      <c r="L254" s="3" t="s">
        <v>33</v>
      </c>
      <c r="M254" s="3" t="s">
        <v>67</v>
      </c>
      <c r="N254" s="3" t="s">
        <v>858</v>
      </c>
      <c r="O254" s="3" t="s">
        <v>179</v>
      </c>
      <c r="P254" s="3" t="s">
        <v>37</v>
      </c>
      <c r="Q254" s="3" t="s">
        <v>37</v>
      </c>
      <c r="R254" s="3" t="s">
        <v>38</v>
      </c>
      <c r="S254" s="3" t="s">
        <v>859</v>
      </c>
      <c r="T254" s="3" t="s">
        <v>37</v>
      </c>
      <c r="U254" s="3" t="s">
        <v>37</v>
      </c>
      <c r="V254" s="3" t="s">
        <v>37</v>
      </c>
    </row>
    <row r="255" spans="1:22" x14ac:dyDescent="0.25">
      <c r="A255" s="3" t="s">
        <v>853</v>
      </c>
      <c r="B255" s="4" t="s">
        <v>708</v>
      </c>
      <c r="C255" s="3" t="s">
        <v>709</v>
      </c>
      <c r="D255" s="5" t="s">
        <v>860</v>
      </c>
      <c r="E255" s="3" t="s">
        <v>854</v>
      </c>
      <c r="F255" s="3" t="s">
        <v>1060</v>
      </c>
      <c r="G255" s="3" t="s">
        <v>609</v>
      </c>
      <c r="H255" s="3" t="s">
        <v>29</v>
      </c>
      <c r="I255" s="3" t="s">
        <v>1436</v>
      </c>
      <c r="J255" s="3" t="s">
        <v>1062</v>
      </c>
      <c r="K255" s="3" t="s">
        <v>32</v>
      </c>
      <c r="L255" s="3" t="s">
        <v>33</v>
      </c>
      <c r="M255" s="3" t="s">
        <v>67</v>
      </c>
      <c r="N255" s="3" t="s">
        <v>858</v>
      </c>
      <c r="O255" s="3" t="s">
        <v>179</v>
      </c>
      <c r="P255" s="3" t="s">
        <v>37</v>
      </c>
      <c r="Q255" s="3" t="s">
        <v>37</v>
      </c>
      <c r="R255" s="3" t="s">
        <v>38</v>
      </c>
      <c r="S255" s="3" t="s">
        <v>1063</v>
      </c>
      <c r="T255" s="3" t="s">
        <v>37</v>
      </c>
      <c r="U255" s="3" t="s">
        <v>37</v>
      </c>
      <c r="V255" s="3" t="s">
        <v>37</v>
      </c>
    </row>
    <row r="256" spans="1:22" x14ac:dyDescent="0.25">
      <c r="A256" s="3" t="s">
        <v>853</v>
      </c>
      <c r="B256" s="4" t="s">
        <v>708</v>
      </c>
      <c r="C256" s="3" t="s">
        <v>709</v>
      </c>
      <c r="D256" s="5" t="s">
        <v>45</v>
      </c>
      <c r="E256" s="3" t="s">
        <v>877</v>
      </c>
      <c r="F256" s="3" t="s">
        <v>974</v>
      </c>
      <c r="G256" s="3" t="s">
        <v>546</v>
      </c>
      <c r="H256" s="3" t="s">
        <v>65</v>
      </c>
      <c r="I256" s="3" t="s">
        <v>879</v>
      </c>
      <c r="J256" s="3" t="s">
        <v>975</v>
      </c>
      <c r="K256" s="3" t="s">
        <v>32</v>
      </c>
      <c r="L256" s="3" t="s">
        <v>33</v>
      </c>
      <c r="M256" s="3" t="s">
        <v>881</v>
      </c>
      <c r="N256" s="3" t="s">
        <v>74</v>
      </c>
      <c r="O256" s="3" t="s">
        <v>143</v>
      </c>
      <c r="P256" s="3" t="s">
        <v>37</v>
      </c>
      <c r="Q256" s="3" t="s">
        <v>37</v>
      </c>
      <c r="R256" s="3" t="s">
        <v>38</v>
      </c>
      <c r="S256" s="3" t="s">
        <v>976</v>
      </c>
      <c r="T256" s="3" t="s">
        <v>37</v>
      </c>
      <c r="U256" s="3" t="s">
        <v>37</v>
      </c>
      <c r="V256" s="3" t="s">
        <v>37</v>
      </c>
    </row>
    <row r="257" spans="1:22" x14ac:dyDescent="0.25">
      <c r="A257" s="3" t="s">
        <v>853</v>
      </c>
      <c r="B257" s="4" t="s">
        <v>708</v>
      </c>
      <c r="C257" s="3" t="s">
        <v>709</v>
      </c>
      <c r="D257" s="5" t="s">
        <v>1164</v>
      </c>
      <c r="E257" s="3" t="s">
        <v>877</v>
      </c>
      <c r="F257" s="3" t="s">
        <v>982</v>
      </c>
      <c r="G257" s="3" t="s">
        <v>524</v>
      </c>
      <c r="H257" s="3" t="s">
        <v>65</v>
      </c>
      <c r="I257" s="3" t="s">
        <v>879</v>
      </c>
      <c r="J257" s="3" t="s">
        <v>983</v>
      </c>
      <c r="K257" s="3" t="s">
        <v>32</v>
      </c>
      <c r="L257" s="3" t="s">
        <v>33</v>
      </c>
      <c r="M257" s="3" t="s">
        <v>881</v>
      </c>
      <c r="N257" s="3" t="s">
        <v>74</v>
      </c>
      <c r="O257" s="3" t="s">
        <v>143</v>
      </c>
      <c r="P257" s="3" t="s">
        <v>37</v>
      </c>
      <c r="Q257" s="3" t="s">
        <v>37</v>
      </c>
      <c r="R257" s="3" t="s">
        <v>38</v>
      </c>
      <c r="S257" s="3" t="s">
        <v>984</v>
      </c>
      <c r="T257" s="3" t="s">
        <v>37</v>
      </c>
      <c r="U257" s="3" t="s">
        <v>37</v>
      </c>
      <c r="V257" s="3" t="s">
        <v>37</v>
      </c>
    </row>
    <row r="258" spans="1:22" x14ac:dyDescent="0.25">
      <c r="A258" s="3" t="s">
        <v>853</v>
      </c>
      <c r="B258" s="4" t="s">
        <v>708</v>
      </c>
      <c r="C258" s="3" t="s">
        <v>709</v>
      </c>
      <c r="D258" s="5" t="s">
        <v>1168</v>
      </c>
      <c r="E258" s="3" t="s">
        <v>877</v>
      </c>
      <c r="F258" s="3" t="s">
        <v>1165</v>
      </c>
      <c r="G258" s="3" t="s">
        <v>491</v>
      </c>
      <c r="H258" s="3" t="s">
        <v>65</v>
      </c>
      <c r="I258" s="3" t="s">
        <v>931</v>
      </c>
      <c r="J258" s="3" t="s">
        <v>1166</v>
      </c>
      <c r="K258" s="3" t="s">
        <v>32</v>
      </c>
      <c r="L258" s="3" t="s">
        <v>33</v>
      </c>
      <c r="M258" s="3" t="s">
        <v>881</v>
      </c>
      <c r="N258" s="3" t="s">
        <v>74</v>
      </c>
      <c r="O258" s="3" t="s">
        <v>143</v>
      </c>
      <c r="P258" s="3" t="s">
        <v>37</v>
      </c>
      <c r="Q258" s="3" t="s">
        <v>37</v>
      </c>
      <c r="R258" s="3" t="s">
        <v>38</v>
      </c>
      <c r="S258" s="3" t="s">
        <v>1167</v>
      </c>
      <c r="T258" s="3" t="s">
        <v>37</v>
      </c>
      <c r="U258" s="3" t="s">
        <v>37</v>
      </c>
      <c r="V258" s="3" t="s">
        <v>37</v>
      </c>
    </row>
    <row r="259" spans="1:22" x14ac:dyDescent="0.25">
      <c r="A259" s="3" t="s">
        <v>853</v>
      </c>
      <c r="B259" s="4" t="s">
        <v>708</v>
      </c>
      <c r="C259" s="3" t="s">
        <v>709</v>
      </c>
      <c r="D259" s="5" t="s">
        <v>871</v>
      </c>
      <c r="E259" s="3" t="s">
        <v>877</v>
      </c>
      <c r="F259" s="3" t="s">
        <v>1278</v>
      </c>
      <c r="G259" s="3" t="s">
        <v>480</v>
      </c>
      <c r="H259" s="3" t="s">
        <v>65</v>
      </c>
      <c r="I259" s="3" t="s">
        <v>879</v>
      </c>
      <c r="J259" s="3" t="s">
        <v>1279</v>
      </c>
      <c r="K259" s="3" t="s">
        <v>32</v>
      </c>
      <c r="L259" s="3" t="s">
        <v>33</v>
      </c>
      <c r="M259" s="3" t="s">
        <v>881</v>
      </c>
      <c r="N259" s="3" t="s">
        <v>74</v>
      </c>
      <c r="O259" s="3" t="s">
        <v>143</v>
      </c>
      <c r="P259" s="3" t="s">
        <v>37</v>
      </c>
      <c r="Q259" s="3" t="s">
        <v>37</v>
      </c>
      <c r="R259" s="3" t="s">
        <v>38</v>
      </c>
      <c r="S259" s="3" t="s">
        <v>1280</v>
      </c>
      <c r="T259" s="3" t="s">
        <v>37</v>
      </c>
      <c r="U259" s="3" t="s">
        <v>37</v>
      </c>
      <c r="V259" s="3" t="s">
        <v>37</v>
      </c>
    </row>
    <row r="260" spans="1:22" x14ac:dyDescent="0.25">
      <c r="A260" s="3" t="s">
        <v>853</v>
      </c>
      <c r="B260" s="4" t="s">
        <v>708</v>
      </c>
      <c r="C260" s="3" t="s">
        <v>709</v>
      </c>
      <c r="D260" s="5" t="s">
        <v>627</v>
      </c>
      <c r="E260" s="3" t="s">
        <v>877</v>
      </c>
      <c r="F260" s="3" t="s">
        <v>986</v>
      </c>
      <c r="G260" s="3" t="s">
        <v>139</v>
      </c>
      <c r="H260" s="3" t="s">
        <v>65</v>
      </c>
      <c r="I260" s="3" t="s">
        <v>879</v>
      </c>
      <c r="J260" s="8" t="s">
        <v>968</v>
      </c>
      <c r="K260" s="3" t="s">
        <v>32</v>
      </c>
      <c r="L260" s="3" t="s">
        <v>33</v>
      </c>
      <c r="M260" s="3" t="s">
        <v>881</v>
      </c>
      <c r="N260" s="3" t="s">
        <v>74</v>
      </c>
      <c r="O260" s="3" t="s">
        <v>143</v>
      </c>
      <c r="P260" s="3" t="s">
        <v>37</v>
      </c>
      <c r="Q260" s="3" t="s">
        <v>37</v>
      </c>
      <c r="R260" s="3" t="s">
        <v>38</v>
      </c>
      <c r="S260" s="3" t="s">
        <v>987</v>
      </c>
      <c r="T260" s="3" t="s">
        <v>37</v>
      </c>
      <c r="U260" s="3" t="s">
        <v>37</v>
      </c>
      <c r="V260" s="3" t="s">
        <v>37</v>
      </c>
    </row>
    <row r="261" spans="1:22" x14ac:dyDescent="0.25">
      <c r="A261" s="3" t="s">
        <v>853</v>
      </c>
      <c r="B261" s="4" t="s">
        <v>708</v>
      </c>
      <c r="C261" s="3" t="s">
        <v>709</v>
      </c>
      <c r="D261" s="5" t="s">
        <v>408</v>
      </c>
      <c r="E261" s="3" t="s">
        <v>877</v>
      </c>
      <c r="F261" s="3" t="s">
        <v>971</v>
      </c>
      <c r="G261" s="3" t="s">
        <v>293</v>
      </c>
      <c r="H261" s="3" t="s">
        <v>65</v>
      </c>
      <c r="I261" s="3" t="s">
        <v>879</v>
      </c>
      <c r="J261" s="3" t="s">
        <v>972</v>
      </c>
      <c r="K261" s="3" t="s">
        <v>32</v>
      </c>
      <c r="L261" s="3" t="s">
        <v>33</v>
      </c>
      <c r="M261" s="3" t="s">
        <v>881</v>
      </c>
      <c r="N261" s="3" t="s">
        <v>74</v>
      </c>
      <c r="O261" s="3" t="s">
        <v>143</v>
      </c>
      <c r="P261" s="3" t="s">
        <v>37</v>
      </c>
      <c r="Q261" s="3" t="s">
        <v>37</v>
      </c>
      <c r="R261" s="3" t="s">
        <v>38</v>
      </c>
      <c r="S261" s="3" t="s">
        <v>973</v>
      </c>
      <c r="T261" s="3" t="s">
        <v>37</v>
      </c>
      <c r="U261" s="3" t="s">
        <v>37</v>
      </c>
      <c r="V261" s="3" t="s">
        <v>37</v>
      </c>
    </row>
    <row r="262" spans="1:22" x14ac:dyDescent="0.25">
      <c r="A262" s="3" t="s">
        <v>853</v>
      </c>
      <c r="B262" s="4" t="s">
        <v>708</v>
      </c>
      <c r="C262" s="3" t="s">
        <v>709</v>
      </c>
      <c r="D262" s="5" t="s">
        <v>876</v>
      </c>
      <c r="E262" s="3" t="s">
        <v>499</v>
      </c>
      <c r="F262" s="3" t="s">
        <v>1037</v>
      </c>
      <c r="G262" s="3" t="s">
        <v>234</v>
      </c>
      <c r="H262" s="3" t="s">
        <v>65</v>
      </c>
      <c r="I262" s="3" t="s">
        <v>1038</v>
      </c>
      <c r="J262" s="3" t="s">
        <v>1039</v>
      </c>
      <c r="K262" s="3" t="s">
        <v>32</v>
      </c>
      <c r="L262" s="3" t="s">
        <v>1031</v>
      </c>
      <c r="M262" s="3" t="s">
        <v>34</v>
      </c>
      <c r="N262" s="3" t="s">
        <v>35</v>
      </c>
      <c r="O262" s="3" t="s">
        <v>179</v>
      </c>
      <c r="P262" s="3" t="s">
        <v>37</v>
      </c>
      <c r="Q262" s="3" t="s">
        <v>37</v>
      </c>
      <c r="R262" s="3" t="s">
        <v>38</v>
      </c>
      <c r="S262" s="3" t="s">
        <v>1040</v>
      </c>
      <c r="T262" s="3" t="s">
        <v>37</v>
      </c>
      <c r="U262" s="3" t="s">
        <v>37</v>
      </c>
      <c r="V262" s="3" t="s">
        <v>37</v>
      </c>
    </row>
    <row r="263" spans="1:22" x14ac:dyDescent="0.25">
      <c r="A263" s="3" t="s">
        <v>853</v>
      </c>
      <c r="B263" s="4" t="s">
        <v>708</v>
      </c>
      <c r="C263" s="3" t="s">
        <v>709</v>
      </c>
      <c r="D263" s="5" t="s">
        <v>891</v>
      </c>
      <c r="E263" s="3" t="s">
        <v>872</v>
      </c>
      <c r="F263" s="3" t="s">
        <v>1283</v>
      </c>
      <c r="G263" s="3" t="s">
        <v>104</v>
      </c>
      <c r="H263" s="3" t="s">
        <v>65</v>
      </c>
      <c r="I263" s="3" t="s">
        <v>37</v>
      </c>
      <c r="J263" s="3" t="s">
        <v>1284</v>
      </c>
      <c r="K263" s="3" t="s">
        <v>32</v>
      </c>
      <c r="L263" s="3" t="s">
        <v>33</v>
      </c>
      <c r="M263" s="3" t="s">
        <v>67</v>
      </c>
      <c r="N263" s="3" t="s">
        <v>52</v>
      </c>
      <c r="O263" s="3" t="s">
        <v>53</v>
      </c>
      <c r="P263" s="3" t="s">
        <v>37</v>
      </c>
      <c r="Q263" s="3" t="s">
        <v>37</v>
      </c>
      <c r="R263" s="3" t="s">
        <v>38</v>
      </c>
      <c r="S263" s="3" t="s">
        <v>1285</v>
      </c>
      <c r="T263" s="3" t="s">
        <v>37</v>
      </c>
      <c r="U263" s="3" t="s">
        <v>37</v>
      </c>
      <c r="V263" s="3" t="s">
        <v>37</v>
      </c>
    </row>
    <row r="264" spans="1:22" x14ac:dyDescent="0.25">
      <c r="A264" s="3" t="s">
        <v>853</v>
      </c>
      <c r="B264" s="4" t="s">
        <v>708</v>
      </c>
      <c r="C264" s="3" t="s">
        <v>709</v>
      </c>
      <c r="D264" s="5" t="s">
        <v>902</v>
      </c>
      <c r="E264" s="3" t="s">
        <v>1437</v>
      </c>
      <c r="F264" s="3" t="s">
        <v>37</v>
      </c>
      <c r="G264" s="3">
        <v>1</v>
      </c>
      <c r="H264" s="3">
        <v>0</v>
      </c>
      <c r="I264" s="3" t="s">
        <v>1438</v>
      </c>
      <c r="J264" s="3" t="s">
        <v>1439</v>
      </c>
      <c r="K264" s="3" t="s">
        <v>1009</v>
      </c>
      <c r="L264" s="3" t="s">
        <v>33</v>
      </c>
      <c r="M264" s="3" t="s">
        <v>67</v>
      </c>
      <c r="N264" s="3" t="s">
        <v>533</v>
      </c>
      <c r="O264" s="3" t="s">
        <v>706</v>
      </c>
      <c r="P264" s="3" t="s">
        <v>37</v>
      </c>
      <c r="Q264" s="3" t="s">
        <v>37</v>
      </c>
      <c r="R264" s="3" t="s">
        <v>38</v>
      </c>
      <c r="S264" s="3" t="s">
        <v>1440</v>
      </c>
      <c r="T264" s="3" t="s">
        <v>37</v>
      </c>
      <c r="U264" s="3" t="s">
        <v>37</v>
      </c>
      <c r="V264" s="3" t="s">
        <v>37</v>
      </c>
    </row>
    <row r="265" spans="1:22" x14ac:dyDescent="0.25">
      <c r="A265" s="3" t="s">
        <v>853</v>
      </c>
      <c r="B265" s="4" t="s">
        <v>708</v>
      </c>
      <c r="C265" s="3" t="s">
        <v>709</v>
      </c>
      <c r="D265" s="5" t="s">
        <v>910</v>
      </c>
      <c r="E265" s="3" t="s">
        <v>872</v>
      </c>
      <c r="F265" s="3" t="s">
        <v>1441</v>
      </c>
      <c r="G265" s="3" t="s">
        <v>29</v>
      </c>
      <c r="H265" s="3" t="s">
        <v>65</v>
      </c>
      <c r="I265" s="3" t="s">
        <v>37</v>
      </c>
      <c r="J265" s="3" t="s">
        <v>1442</v>
      </c>
      <c r="K265" s="3" t="s">
        <v>32</v>
      </c>
      <c r="L265" s="3" t="s">
        <v>33</v>
      </c>
      <c r="M265" s="3" t="s">
        <v>67</v>
      </c>
      <c r="N265" s="3" t="s">
        <v>52</v>
      </c>
      <c r="O265" s="3" t="s">
        <v>53</v>
      </c>
      <c r="P265" s="3" t="s">
        <v>37</v>
      </c>
      <c r="Q265" s="3" t="s">
        <v>37</v>
      </c>
      <c r="R265" s="3" t="s">
        <v>38</v>
      </c>
      <c r="S265" s="3" t="s">
        <v>1443</v>
      </c>
      <c r="T265" s="3" t="s">
        <v>37</v>
      </c>
      <c r="U265" s="3" t="s">
        <v>37</v>
      </c>
      <c r="V265" s="3" t="s">
        <v>37</v>
      </c>
    </row>
    <row r="266" spans="1:22" x14ac:dyDescent="0.25">
      <c r="A266" s="3" t="s">
        <v>853</v>
      </c>
      <c r="B266" s="4" t="s">
        <v>708</v>
      </c>
      <c r="C266" s="3" t="s">
        <v>709</v>
      </c>
      <c r="D266" s="5" t="s">
        <v>914</v>
      </c>
      <c r="E266" s="3" t="s">
        <v>872</v>
      </c>
      <c r="F266" s="3" t="s">
        <v>911</v>
      </c>
      <c r="G266" s="3" t="s">
        <v>99</v>
      </c>
      <c r="H266" s="3" t="s">
        <v>65</v>
      </c>
      <c r="I266" s="3" t="s">
        <v>37</v>
      </c>
      <c r="J266" s="3" t="s">
        <v>912</v>
      </c>
      <c r="K266" s="3" t="s">
        <v>32</v>
      </c>
      <c r="L266" s="3" t="s">
        <v>33</v>
      </c>
      <c r="M266" s="3" t="s">
        <v>67</v>
      </c>
      <c r="N266" s="3" t="s">
        <v>52</v>
      </c>
      <c r="O266" s="3" t="s">
        <v>53</v>
      </c>
      <c r="P266" s="3" t="s">
        <v>37</v>
      </c>
      <c r="Q266" s="3" t="s">
        <v>37</v>
      </c>
      <c r="R266" s="3" t="s">
        <v>38</v>
      </c>
      <c r="S266" s="3" t="s">
        <v>913</v>
      </c>
      <c r="T266" s="3" t="s">
        <v>37</v>
      </c>
      <c r="U266" s="3" t="s">
        <v>37</v>
      </c>
      <c r="V266" s="3" t="s">
        <v>37</v>
      </c>
    </row>
    <row r="267" spans="1:22" x14ac:dyDescent="0.25">
      <c r="A267" s="3" t="s">
        <v>853</v>
      </c>
      <c r="B267" s="4" t="s">
        <v>708</v>
      </c>
      <c r="C267" s="3" t="s">
        <v>709</v>
      </c>
      <c r="D267" s="5" t="s">
        <v>102</v>
      </c>
      <c r="E267" s="3" t="s">
        <v>872</v>
      </c>
      <c r="F267" s="3" t="s">
        <v>1444</v>
      </c>
      <c r="G267" s="3" t="s">
        <v>325</v>
      </c>
      <c r="H267" s="3" t="s">
        <v>65</v>
      </c>
      <c r="I267" s="3" t="s">
        <v>37</v>
      </c>
      <c r="J267" s="3" t="s">
        <v>1445</v>
      </c>
      <c r="K267" s="3" t="s">
        <v>32</v>
      </c>
      <c r="L267" s="3" t="s">
        <v>33</v>
      </c>
      <c r="M267" s="3" t="s">
        <v>67</v>
      </c>
      <c r="N267" s="3" t="s">
        <v>52</v>
      </c>
      <c r="O267" s="3" t="s">
        <v>53</v>
      </c>
      <c r="P267" s="3" t="s">
        <v>37</v>
      </c>
      <c r="Q267" s="3" t="s">
        <v>37</v>
      </c>
      <c r="R267" s="3" t="s">
        <v>38</v>
      </c>
      <c r="S267" s="3" t="s">
        <v>1446</v>
      </c>
      <c r="T267" s="3" t="s">
        <v>37</v>
      </c>
      <c r="U267" s="3" t="s">
        <v>37</v>
      </c>
      <c r="V267" s="3" t="s">
        <v>37</v>
      </c>
    </row>
    <row r="268" spans="1:22" x14ac:dyDescent="0.25">
      <c r="A268" s="3" t="s">
        <v>853</v>
      </c>
      <c r="B268" s="4" t="s">
        <v>708</v>
      </c>
      <c r="C268" s="3" t="s">
        <v>709</v>
      </c>
      <c r="D268" s="5" t="s">
        <v>1194</v>
      </c>
      <c r="E268" s="3" t="s">
        <v>872</v>
      </c>
      <c r="F268" s="3" t="s">
        <v>1447</v>
      </c>
      <c r="G268" s="3" t="s">
        <v>234</v>
      </c>
      <c r="H268" s="3" t="s">
        <v>65</v>
      </c>
      <c r="I268" s="3" t="s">
        <v>37</v>
      </c>
      <c r="J268" s="3" t="s">
        <v>1448</v>
      </c>
      <c r="K268" s="3" t="s">
        <v>32</v>
      </c>
      <c r="L268" s="3" t="s">
        <v>33</v>
      </c>
      <c r="M268" s="3" t="s">
        <v>67</v>
      </c>
      <c r="N268" s="3" t="s">
        <v>52</v>
      </c>
      <c r="O268" s="3" t="s">
        <v>53</v>
      </c>
      <c r="P268" s="3" t="s">
        <v>37</v>
      </c>
      <c r="Q268" s="3" t="s">
        <v>37</v>
      </c>
      <c r="R268" s="3" t="s">
        <v>38</v>
      </c>
      <c r="S268" s="3" t="s">
        <v>1449</v>
      </c>
      <c r="T268" s="3" t="s">
        <v>37</v>
      </c>
      <c r="U268" s="3" t="s">
        <v>37</v>
      </c>
      <c r="V268" s="3" t="s">
        <v>37</v>
      </c>
    </row>
    <row r="269" spans="1:22" x14ac:dyDescent="0.25">
      <c r="A269" s="3" t="s">
        <v>853</v>
      </c>
      <c r="B269" s="4" t="s">
        <v>708</v>
      </c>
      <c r="C269" s="3" t="s">
        <v>709</v>
      </c>
      <c r="D269" s="5" t="s">
        <v>925</v>
      </c>
      <c r="E269" s="3" t="s">
        <v>499</v>
      </c>
      <c r="F269" s="3" t="s">
        <v>1450</v>
      </c>
      <c r="G269" s="3" t="s">
        <v>575</v>
      </c>
      <c r="H269" s="3" t="s">
        <v>29</v>
      </c>
      <c r="I269" s="3" t="s">
        <v>502</v>
      </c>
      <c r="J269" s="3" t="s">
        <v>1451</v>
      </c>
      <c r="K269" s="3" t="s">
        <v>32</v>
      </c>
      <c r="L269" s="3" t="s">
        <v>37</v>
      </c>
      <c r="M269" s="3" t="s">
        <v>34</v>
      </c>
      <c r="N269" s="3" t="s">
        <v>142</v>
      </c>
      <c r="O269" s="3" t="s">
        <v>179</v>
      </c>
      <c r="P269" s="3" t="s">
        <v>37</v>
      </c>
      <c r="Q269" s="3" t="s">
        <v>37</v>
      </c>
      <c r="R269" s="3" t="s">
        <v>38</v>
      </c>
      <c r="S269" s="3" t="s">
        <v>1452</v>
      </c>
      <c r="T269" s="3" t="s">
        <v>37</v>
      </c>
      <c r="U269" s="3" t="s">
        <v>37</v>
      </c>
      <c r="V269" s="3" t="s">
        <v>37</v>
      </c>
    </row>
    <row r="270" spans="1:22" x14ac:dyDescent="0.25">
      <c r="A270" s="3" t="s">
        <v>853</v>
      </c>
      <c r="B270" s="4" t="s">
        <v>708</v>
      </c>
      <c r="C270" s="3" t="s">
        <v>709</v>
      </c>
      <c r="D270" s="5" t="s">
        <v>937</v>
      </c>
      <c r="E270" s="3" t="s">
        <v>499</v>
      </c>
      <c r="F270" s="3" t="s">
        <v>1453</v>
      </c>
      <c r="G270" s="3" t="s">
        <v>579</v>
      </c>
      <c r="H270" s="3" t="s">
        <v>29</v>
      </c>
      <c r="I270" s="3" t="s">
        <v>502</v>
      </c>
      <c r="J270" s="3" t="s">
        <v>1454</v>
      </c>
      <c r="K270" s="3" t="s">
        <v>32</v>
      </c>
      <c r="L270" s="3" t="s">
        <v>37</v>
      </c>
      <c r="M270" s="3" t="s">
        <v>34</v>
      </c>
      <c r="N270" s="3" t="s">
        <v>142</v>
      </c>
      <c r="O270" s="3" t="s">
        <v>179</v>
      </c>
      <c r="P270" s="3" t="s">
        <v>37</v>
      </c>
      <c r="Q270" s="3" t="s">
        <v>37</v>
      </c>
      <c r="R270" s="3" t="s">
        <v>38</v>
      </c>
      <c r="S270" s="3" t="s">
        <v>1455</v>
      </c>
      <c r="T270" s="3" t="s">
        <v>37</v>
      </c>
      <c r="U270" s="3" t="s">
        <v>37</v>
      </c>
      <c r="V270" s="3" t="s">
        <v>37</v>
      </c>
    </row>
    <row r="271" spans="1:22" x14ac:dyDescent="0.25">
      <c r="A271" s="3" t="s">
        <v>853</v>
      </c>
      <c r="B271" s="4" t="s">
        <v>708</v>
      </c>
      <c r="C271" s="3" t="s">
        <v>709</v>
      </c>
      <c r="D271" s="5" t="s">
        <v>113</v>
      </c>
      <c r="E271" s="3" t="s">
        <v>499</v>
      </c>
      <c r="F271" s="3" t="s">
        <v>1456</v>
      </c>
      <c r="G271" s="3" t="s">
        <v>147</v>
      </c>
      <c r="H271" s="3" t="s">
        <v>49</v>
      </c>
      <c r="I271" s="3" t="s">
        <v>502</v>
      </c>
      <c r="J271" s="3" t="s">
        <v>1457</v>
      </c>
      <c r="K271" s="3" t="s">
        <v>32</v>
      </c>
      <c r="L271" s="3" t="s">
        <v>33</v>
      </c>
      <c r="M271" s="3" t="s">
        <v>34</v>
      </c>
      <c r="N271" s="3" t="s">
        <v>74</v>
      </c>
      <c r="O271" s="3" t="s">
        <v>179</v>
      </c>
      <c r="P271" s="3" t="s">
        <v>37</v>
      </c>
      <c r="Q271" s="3" t="s">
        <v>37</v>
      </c>
      <c r="R271" s="3" t="s">
        <v>38</v>
      </c>
      <c r="S271" s="3" t="s">
        <v>1458</v>
      </c>
      <c r="T271" s="3" t="s">
        <v>37</v>
      </c>
      <c r="U271" s="3" t="s">
        <v>37</v>
      </c>
      <c r="V271" s="3" t="s">
        <v>37</v>
      </c>
    </row>
    <row r="272" spans="1:22" x14ac:dyDescent="0.25">
      <c r="A272" s="3" t="s">
        <v>853</v>
      </c>
      <c r="B272" s="4" t="s">
        <v>708</v>
      </c>
      <c r="C272" s="3" t="s">
        <v>709</v>
      </c>
      <c r="D272" s="5" t="s">
        <v>458</v>
      </c>
      <c r="E272" s="3" t="s">
        <v>499</v>
      </c>
      <c r="F272" s="3" t="s">
        <v>768</v>
      </c>
      <c r="G272" s="3" t="s">
        <v>769</v>
      </c>
      <c r="H272" s="3" t="s">
        <v>49</v>
      </c>
      <c r="I272" s="3" t="s">
        <v>502</v>
      </c>
      <c r="J272" s="3" t="s">
        <v>770</v>
      </c>
      <c r="K272" s="3" t="s">
        <v>32</v>
      </c>
      <c r="L272" s="3" t="s">
        <v>33</v>
      </c>
      <c r="M272" s="3" t="s">
        <v>34</v>
      </c>
      <c r="N272" s="3" t="s">
        <v>74</v>
      </c>
      <c r="O272" s="3" t="s">
        <v>179</v>
      </c>
      <c r="P272" s="3" t="s">
        <v>37</v>
      </c>
      <c r="Q272" s="3" t="s">
        <v>37</v>
      </c>
      <c r="R272" s="3" t="s">
        <v>38</v>
      </c>
      <c r="S272" s="3" t="s">
        <v>771</v>
      </c>
      <c r="T272" s="3" t="s">
        <v>37</v>
      </c>
      <c r="U272" s="3" t="s">
        <v>37</v>
      </c>
      <c r="V272" s="3" t="s">
        <v>37</v>
      </c>
    </row>
    <row r="273" spans="1:22" x14ac:dyDescent="0.25">
      <c r="A273" s="3" t="s">
        <v>853</v>
      </c>
      <c r="B273" s="4" t="s">
        <v>708</v>
      </c>
      <c r="C273" s="3" t="s">
        <v>709</v>
      </c>
      <c r="D273" s="5" t="s">
        <v>124</v>
      </c>
      <c r="E273" s="3" t="s">
        <v>877</v>
      </c>
      <c r="F273" s="3" t="s">
        <v>892</v>
      </c>
      <c r="G273" s="3" t="s">
        <v>166</v>
      </c>
      <c r="H273" s="3" t="s">
        <v>65</v>
      </c>
      <c r="I273" s="3" t="s">
        <v>931</v>
      </c>
      <c r="J273" s="3" t="s">
        <v>893</v>
      </c>
      <c r="K273" s="3" t="s">
        <v>32</v>
      </c>
      <c r="L273" s="3" t="s">
        <v>33</v>
      </c>
      <c r="M273" s="3" t="s">
        <v>881</v>
      </c>
      <c r="N273" s="3" t="s">
        <v>74</v>
      </c>
      <c r="O273" s="3" t="s">
        <v>143</v>
      </c>
      <c r="P273" s="3" t="s">
        <v>37</v>
      </c>
      <c r="Q273" s="3" t="s">
        <v>37</v>
      </c>
      <c r="R273" s="3" t="s">
        <v>38</v>
      </c>
      <c r="S273" s="3" t="s">
        <v>894</v>
      </c>
      <c r="T273" s="3" t="s">
        <v>37</v>
      </c>
      <c r="U273" s="3" t="s">
        <v>37</v>
      </c>
      <c r="V273" s="3" t="s">
        <v>37</v>
      </c>
    </row>
    <row r="274" spans="1:22" x14ac:dyDescent="0.25">
      <c r="A274" s="3" t="s">
        <v>853</v>
      </c>
      <c r="B274" s="4" t="s">
        <v>708</v>
      </c>
      <c r="C274" s="3" t="s">
        <v>709</v>
      </c>
      <c r="D274" s="5" t="s">
        <v>661</v>
      </c>
      <c r="E274" s="3" t="s">
        <v>877</v>
      </c>
      <c r="F274" s="3" t="s">
        <v>1386</v>
      </c>
      <c r="G274" s="3" t="s">
        <v>346</v>
      </c>
      <c r="H274" s="3" t="s">
        <v>65</v>
      </c>
      <c r="I274" s="3" t="s">
        <v>931</v>
      </c>
      <c r="J274" s="3" t="s">
        <v>1387</v>
      </c>
      <c r="K274" s="3" t="s">
        <v>32</v>
      </c>
      <c r="L274" s="3" t="s">
        <v>33</v>
      </c>
      <c r="M274" s="3" t="s">
        <v>881</v>
      </c>
      <c r="N274" s="3" t="s">
        <v>74</v>
      </c>
      <c r="O274" s="3" t="s">
        <v>143</v>
      </c>
      <c r="P274" s="3" t="s">
        <v>37</v>
      </c>
      <c r="Q274" s="3" t="s">
        <v>37</v>
      </c>
      <c r="R274" s="3" t="s">
        <v>38</v>
      </c>
      <c r="S274" s="3" t="s">
        <v>1388</v>
      </c>
      <c r="T274" s="3" t="s">
        <v>37</v>
      </c>
      <c r="U274" s="3" t="s">
        <v>37</v>
      </c>
      <c r="V274" s="3" t="s">
        <v>37</v>
      </c>
    </row>
    <row r="275" spans="1:22" x14ac:dyDescent="0.25">
      <c r="A275" s="3" t="s">
        <v>853</v>
      </c>
      <c r="B275" s="4" t="s">
        <v>708</v>
      </c>
      <c r="C275" s="3" t="s">
        <v>709</v>
      </c>
      <c r="D275" s="5" t="s">
        <v>977</v>
      </c>
      <c r="E275" s="3" t="s">
        <v>877</v>
      </c>
      <c r="F275" s="3" t="s">
        <v>896</v>
      </c>
      <c r="G275" s="3" t="s">
        <v>455</v>
      </c>
      <c r="H275" s="3" t="s">
        <v>65</v>
      </c>
      <c r="I275" s="3" t="s">
        <v>931</v>
      </c>
      <c r="J275" s="3" t="s">
        <v>897</v>
      </c>
      <c r="K275" s="3" t="s">
        <v>32</v>
      </c>
      <c r="L275" s="3" t="s">
        <v>33</v>
      </c>
      <c r="M275" s="3" t="s">
        <v>881</v>
      </c>
      <c r="N275" s="3" t="s">
        <v>74</v>
      </c>
      <c r="O275" s="3" t="s">
        <v>143</v>
      </c>
      <c r="P275" s="3" t="s">
        <v>37</v>
      </c>
      <c r="Q275" s="3" t="s">
        <v>37</v>
      </c>
      <c r="R275" s="3" t="s">
        <v>38</v>
      </c>
      <c r="S275" s="3" t="s">
        <v>898</v>
      </c>
      <c r="T275" s="3" t="s">
        <v>37</v>
      </c>
      <c r="U275" s="3" t="s">
        <v>37</v>
      </c>
      <c r="V275" s="3" t="s">
        <v>37</v>
      </c>
    </row>
    <row r="276" spans="1:22" x14ac:dyDescent="0.25">
      <c r="A276" s="3" t="s">
        <v>853</v>
      </c>
      <c r="B276" s="4" t="s">
        <v>708</v>
      </c>
      <c r="C276" s="3" t="s">
        <v>709</v>
      </c>
      <c r="D276" s="5" t="s">
        <v>981</v>
      </c>
      <c r="E276" s="3" t="s">
        <v>877</v>
      </c>
      <c r="F276" s="3" t="s">
        <v>986</v>
      </c>
      <c r="G276" s="3" t="s">
        <v>139</v>
      </c>
      <c r="H276" s="3" t="s">
        <v>65</v>
      </c>
      <c r="I276" s="3" t="s">
        <v>879</v>
      </c>
      <c r="J276" s="8" t="s">
        <v>968</v>
      </c>
      <c r="K276" s="3" t="s">
        <v>32</v>
      </c>
      <c r="L276" s="3" t="s">
        <v>33</v>
      </c>
      <c r="M276" s="3" t="s">
        <v>881</v>
      </c>
      <c r="N276" s="3" t="s">
        <v>74</v>
      </c>
      <c r="O276" s="3" t="s">
        <v>143</v>
      </c>
      <c r="P276" s="3" t="s">
        <v>37</v>
      </c>
      <c r="Q276" s="3" t="s">
        <v>37</v>
      </c>
      <c r="R276" s="3" t="s">
        <v>38</v>
      </c>
      <c r="S276" s="3" t="s">
        <v>987</v>
      </c>
      <c r="T276" s="3" t="s">
        <v>37</v>
      </c>
      <c r="U276" s="3" t="s">
        <v>37</v>
      </c>
      <c r="V276" s="3" t="s">
        <v>37</v>
      </c>
    </row>
    <row r="277" spans="1:22" x14ac:dyDescent="0.25">
      <c r="A277" s="3" t="s">
        <v>853</v>
      </c>
      <c r="B277" s="4" t="s">
        <v>708</v>
      </c>
      <c r="C277" s="3" t="s">
        <v>709</v>
      </c>
      <c r="D277" s="5" t="s">
        <v>985</v>
      </c>
      <c r="E277" s="3" t="s">
        <v>877</v>
      </c>
      <c r="F277" s="3" t="s">
        <v>1169</v>
      </c>
      <c r="G277" s="3" t="s">
        <v>204</v>
      </c>
      <c r="H277" s="3" t="s">
        <v>65</v>
      </c>
      <c r="I277" s="3" t="s">
        <v>879</v>
      </c>
      <c r="J277" s="3" t="s">
        <v>1170</v>
      </c>
      <c r="K277" s="3" t="s">
        <v>32</v>
      </c>
      <c r="L277" s="3" t="s">
        <v>33</v>
      </c>
      <c r="M277" s="3" t="s">
        <v>881</v>
      </c>
      <c r="N277" s="3" t="s">
        <v>74</v>
      </c>
      <c r="O277" s="3" t="s">
        <v>143</v>
      </c>
      <c r="P277" s="3" t="s">
        <v>37</v>
      </c>
      <c r="Q277" s="3" t="s">
        <v>37</v>
      </c>
      <c r="R277" s="3" t="s">
        <v>38</v>
      </c>
      <c r="S277" s="3" t="s">
        <v>1171</v>
      </c>
      <c r="T277" s="3" t="s">
        <v>37</v>
      </c>
      <c r="U277" s="3" t="s">
        <v>37</v>
      </c>
      <c r="V277" s="3" t="s">
        <v>37</v>
      </c>
    </row>
    <row r="278" spans="1:22" x14ac:dyDescent="0.25">
      <c r="A278" s="3" t="s">
        <v>853</v>
      </c>
      <c r="B278" s="4" t="s">
        <v>708</v>
      </c>
      <c r="C278" s="3" t="s">
        <v>709</v>
      </c>
      <c r="D278" s="5" t="s">
        <v>135</v>
      </c>
      <c r="E278" s="3" t="s">
        <v>877</v>
      </c>
      <c r="F278" s="3" t="s">
        <v>930</v>
      </c>
      <c r="G278" s="3" t="s">
        <v>379</v>
      </c>
      <c r="H278" s="3" t="s">
        <v>65</v>
      </c>
      <c r="I278" s="3" t="s">
        <v>931</v>
      </c>
      <c r="J278" s="3" t="s">
        <v>932</v>
      </c>
      <c r="K278" s="3" t="s">
        <v>32</v>
      </c>
      <c r="L278" s="3" t="s">
        <v>33</v>
      </c>
      <c r="M278" s="3" t="s">
        <v>881</v>
      </c>
      <c r="N278" s="3" t="s">
        <v>74</v>
      </c>
      <c r="O278" s="3" t="s">
        <v>143</v>
      </c>
      <c r="P278" s="3" t="s">
        <v>37</v>
      </c>
      <c r="Q278" s="3" t="s">
        <v>37</v>
      </c>
      <c r="R278" s="3" t="s">
        <v>38</v>
      </c>
      <c r="S278" s="3" t="s">
        <v>933</v>
      </c>
      <c r="T278" s="3" t="s">
        <v>37</v>
      </c>
      <c r="U278" s="3" t="s">
        <v>37</v>
      </c>
      <c r="V278" s="3" t="s">
        <v>37</v>
      </c>
    </row>
    <row r="279" spans="1:22" x14ac:dyDescent="0.25">
      <c r="A279" s="3" t="s">
        <v>853</v>
      </c>
      <c r="B279" s="4" t="s">
        <v>708</v>
      </c>
      <c r="C279" s="3" t="s">
        <v>709</v>
      </c>
      <c r="D279" s="5" t="s">
        <v>136</v>
      </c>
      <c r="E279" s="3" t="s">
        <v>877</v>
      </c>
      <c r="F279" s="3" t="s">
        <v>949</v>
      </c>
      <c r="G279" s="3" t="s">
        <v>104</v>
      </c>
      <c r="H279" s="3" t="s">
        <v>65</v>
      </c>
      <c r="I279" s="3" t="s">
        <v>879</v>
      </c>
      <c r="J279" s="3" t="s">
        <v>950</v>
      </c>
      <c r="K279" s="3" t="s">
        <v>32</v>
      </c>
      <c r="L279" s="3" t="s">
        <v>33</v>
      </c>
      <c r="M279" s="3" t="s">
        <v>881</v>
      </c>
      <c r="N279" s="3" t="s">
        <v>74</v>
      </c>
      <c r="O279" s="3" t="s">
        <v>143</v>
      </c>
      <c r="P279" s="3" t="s">
        <v>37</v>
      </c>
      <c r="Q279" s="3" t="s">
        <v>37</v>
      </c>
      <c r="R279" s="3" t="s">
        <v>38</v>
      </c>
      <c r="S279" s="3" t="s">
        <v>951</v>
      </c>
      <c r="T279" s="3" t="s">
        <v>37</v>
      </c>
      <c r="U279" s="3" t="s">
        <v>37</v>
      </c>
      <c r="V279" s="3" t="s">
        <v>37</v>
      </c>
    </row>
    <row r="280" spans="1:22" x14ac:dyDescent="0.25">
      <c r="A280" s="3" t="s">
        <v>853</v>
      </c>
      <c r="B280" s="4" t="s">
        <v>708</v>
      </c>
      <c r="C280" s="3" t="s">
        <v>709</v>
      </c>
      <c r="D280" s="5" t="s">
        <v>1228</v>
      </c>
      <c r="E280" s="3" t="s">
        <v>877</v>
      </c>
      <c r="F280" s="3" t="s">
        <v>892</v>
      </c>
      <c r="G280" s="3" t="s">
        <v>166</v>
      </c>
      <c r="H280" s="3" t="s">
        <v>65</v>
      </c>
      <c r="I280" s="3" t="s">
        <v>931</v>
      </c>
      <c r="J280" s="3" t="s">
        <v>893</v>
      </c>
      <c r="K280" s="3" t="s">
        <v>32</v>
      </c>
      <c r="L280" s="3" t="s">
        <v>33</v>
      </c>
      <c r="M280" s="3" t="s">
        <v>881</v>
      </c>
      <c r="N280" s="3" t="s">
        <v>74</v>
      </c>
      <c r="O280" s="3" t="s">
        <v>143</v>
      </c>
      <c r="P280" s="3" t="s">
        <v>37</v>
      </c>
      <c r="Q280" s="3" t="s">
        <v>37</v>
      </c>
      <c r="R280" s="3" t="s">
        <v>38</v>
      </c>
      <c r="S280" s="3" t="s">
        <v>894</v>
      </c>
      <c r="T280" s="3" t="s">
        <v>37</v>
      </c>
      <c r="U280" s="3" t="s">
        <v>37</v>
      </c>
      <c r="V280" s="3" t="s">
        <v>37</v>
      </c>
    </row>
    <row r="281" spans="1:22" x14ac:dyDescent="0.25">
      <c r="A281" s="3" t="s">
        <v>853</v>
      </c>
      <c r="B281" s="4" t="s">
        <v>708</v>
      </c>
      <c r="C281" s="3" t="s">
        <v>709</v>
      </c>
      <c r="D281" s="5" t="s">
        <v>1232</v>
      </c>
      <c r="E281" s="3" t="s">
        <v>877</v>
      </c>
      <c r="F281" s="3" t="s">
        <v>1080</v>
      </c>
      <c r="G281" s="3" t="s">
        <v>94</v>
      </c>
      <c r="H281" s="3" t="s">
        <v>65</v>
      </c>
      <c r="I281" s="3" t="s">
        <v>931</v>
      </c>
      <c r="J281" s="3" t="s">
        <v>1081</v>
      </c>
      <c r="K281" s="3" t="s">
        <v>32</v>
      </c>
      <c r="L281" s="3" t="s">
        <v>33</v>
      </c>
      <c r="M281" s="3" t="s">
        <v>881</v>
      </c>
      <c r="N281" s="3" t="s">
        <v>74</v>
      </c>
      <c r="O281" s="3" t="s">
        <v>143</v>
      </c>
      <c r="P281" s="3" t="s">
        <v>37</v>
      </c>
      <c r="Q281" s="3" t="s">
        <v>37</v>
      </c>
      <c r="R281" s="3" t="s">
        <v>38</v>
      </c>
      <c r="S281" s="3" t="s">
        <v>1082</v>
      </c>
      <c r="T281" s="3" t="s">
        <v>37</v>
      </c>
      <c r="U281" s="3" t="s">
        <v>37</v>
      </c>
      <c r="V281" s="3" t="s">
        <v>37</v>
      </c>
    </row>
    <row r="282" spans="1:22" x14ac:dyDescent="0.25">
      <c r="A282" s="3" t="s">
        <v>853</v>
      </c>
      <c r="B282" s="4" t="s">
        <v>708</v>
      </c>
      <c r="C282" s="3" t="s">
        <v>709</v>
      </c>
      <c r="D282" s="5" t="s">
        <v>150</v>
      </c>
      <c r="E282" s="3" t="s">
        <v>499</v>
      </c>
      <c r="F282" s="3" t="s">
        <v>1459</v>
      </c>
      <c r="G282" s="3" t="s">
        <v>273</v>
      </c>
      <c r="H282" s="3" t="s">
        <v>65</v>
      </c>
      <c r="I282" s="3" t="s">
        <v>1038</v>
      </c>
      <c r="J282" s="3" t="s">
        <v>1460</v>
      </c>
      <c r="K282" s="3" t="s">
        <v>32</v>
      </c>
      <c r="L282" s="3" t="s">
        <v>33</v>
      </c>
      <c r="M282" s="3" t="s">
        <v>34</v>
      </c>
      <c r="N282" s="3" t="s">
        <v>35</v>
      </c>
      <c r="O282" s="3" t="s">
        <v>1461</v>
      </c>
      <c r="P282" s="3" t="s">
        <v>37</v>
      </c>
      <c r="Q282" s="3" t="s">
        <v>37</v>
      </c>
      <c r="R282" s="3" t="s">
        <v>38</v>
      </c>
      <c r="S282" s="3" t="s">
        <v>1462</v>
      </c>
      <c r="T282" s="3" t="s">
        <v>37</v>
      </c>
      <c r="U282" s="3" t="s">
        <v>37</v>
      </c>
      <c r="V282" s="3" t="s">
        <v>37</v>
      </c>
    </row>
    <row r="283" spans="1:22" x14ac:dyDescent="0.25">
      <c r="A283" s="3" t="s">
        <v>853</v>
      </c>
      <c r="B283" s="4" t="s">
        <v>708</v>
      </c>
      <c r="C283" s="3" t="s">
        <v>709</v>
      </c>
      <c r="D283" s="5" t="s">
        <v>154</v>
      </c>
      <c r="E283" s="3" t="s">
        <v>1463</v>
      </c>
      <c r="F283" s="3" t="s">
        <v>1464</v>
      </c>
      <c r="G283" s="3" t="s">
        <v>29</v>
      </c>
      <c r="H283" s="3" t="s">
        <v>65</v>
      </c>
      <c r="I283" s="3" t="s">
        <v>37</v>
      </c>
      <c r="J283" s="3" t="s">
        <v>1465</v>
      </c>
      <c r="K283" s="3" t="s">
        <v>32</v>
      </c>
      <c r="L283" s="3" t="s">
        <v>1466</v>
      </c>
      <c r="M283" s="3" t="s">
        <v>34</v>
      </c>
      <c r="N283" s="3" t="s">
        <v>117</v>
      </c>
      <c r="O283" s="3" t="s">
        <v>1467</v>
      </c>
      <c r="P283" s="3" t="s">
        <v>37</v>
      </c>
      <c r="Q283" s="3" t="s">
        <v>37</v>
      </c>
      <c r="R283" s="3" t="s">
        <v>38</v>
      </c>
      <c r="S283" s="3" t="s">
        <v>1468</v>
      </c>
      <c r="T283" s="3" t="s">
        <v>37</v>
      </c>
      <c r="U283" s="3" t="s">
        <v>37</v>
      </c>
      <c r="V283" s="3" t="s">
        <v>37</v>
      </c>
    </row>
    <row r="284" spans="1:22" x14ac:dyDescent="0.25">
      <c r="A284" s="3" t="s">
        <v>853</v>
      </c>
      <c r="B284" s="4" t="s">
        <v>708</v>
      </c>
      <c r="C284" s="3" t="s">
        <v>709</v>
      </c>
      <c r="D284" s="5" t="s">
        <v>997</v>
      </c>
      <c r="E284" s="3" t="s">
        <v>877</v>
      </c>
      <c r="F284" s="3" t="s">
        <v>1076</v>
      </c>
      <c r="G284" s="3" t="s">
        <v>1077</v>
      </c>
      <c r="H284" s="3" t="s">
        <v>65</v>
      </c>
      <c r="I284" s="3" t="s">
        <v>931</v>
      </c>
      <c r="J284" s="3" t="s">
        <v>1078</v>
      </c>
      <c r="K284" s="3" t="s">
        <v>32</v>
      </c>
      <c r="L284" s="3" t="s">
        <v>33</v>
      </c>
      <c r="M284" s="3" t="s">
        <v>881</v>
      </c>
      <c r="N284" s="3" t="s">
        <v>74</v>
      </c>
      <c r="O284" s="3" t="s">
        <v>143</v>
      </c>
      <c r="P284" s="3" t="s">
        <v>37</v>
      </c>
      <c r="Q284" s="3" t="s">
        <v>37</v>
      </c>
      <c r="R284" s="3" t="s">
        <v>38</v>
      </c>
      <c r="S284" s="3" t="s">
        <v>1079</v>
      </c>
      <c r="T284" s="3" t="s">
        <v>37</v>
      </c>
      <c r="U284" s="3" t="s">
        <v>37</v>
      </c>
      <c r="V284" s="3" t="s">
        <v>37</v>
      </c>
    </row>
    <row r="285" spans="1:22" x14ac:dyDescent="0.25">
      <c r="A285" s="3" t="s">
        <v>853</v>
      </c>
      <c r="B285" s="4" t="s">
        <v>708</v>
      </c>
      <c r="C285" s="3" t="s">
        <v>709</v>
      </c>
      <c r="D285" s="5" t="s">
        <v>159</v>
      </c>
      <c r="E285" s="3" t="s">
        <v>877</v>
      </c>
      <c r="F285" s="3" t="s">
        <v>1070</v>
      </c>
      <c r="G285" s="3" t="s">
        <v>49</v>
      </c>
      <c r="H285" s="3" t="s">
        <v>65</v>
      </c>
      <c r="I285" s="3" t="s">
        <v>879</v>
      </c>
      <c r="J285" s="3" t="s">
        <v>1071</v>
      </c>
      <c r="K285" s="3" t="s">
        <v>32</v>
      </c>
      <c r="L285" s="3" t="s">
        <v>33</v>
      </c>
      <c r="M285" s="3" t="s">
        <v>881</v>
      </c>
      <c r="N285" s="3" t="s">
        <v>74</v>
      </c>
      <c r="O285" s="3" t="s">
        <v>143</v>
      </c>
      <c r="P285" s="3" t="s">
        <v>37</v>
      </c>
      <c r="Q285" s="3" t="s">
        <v>37</v>
      </c>
      <c r="R285" s="3" t="s">
        <v>38</v>
      </c>
      <c r="S285" s="3" t="s">
        <v>1072</v>
      </c>
      <c r="T285" s="3" t="s">
        <v>37</v>
      </c>
      <c r="U285" s="3" t="s">
        <v>37</v>
      </c>
      <c r="V285" s="3" t="s">
        <v>37</v>
      </c>
    </row>
    <row r="286" spans="1:22" x14ac:dyDescent="0.25">
      <c r="A286" s="3" t="s">
        <v>853</v>
      </c>
      <c r="B286" s="4" t="s">
        <v>708</v>
      </c>
      <c r="C286" s="3" t="s">
        <v>709</v>
      </c>
      <c r="D286" s="5" t="s">
        <v>1249</v>
      </c>
      <c r="E286" s="3" t="s">
        <v>877</v>
      </c>
      <c r="F286" s="3" t="s">
        <v>878</v>
      </c>
      <c r="G286" s="3" t="s">
        <v>171</v>
      </c>
      <c r="H286" s="3" t="s">
        <v>65</v>
      </c>
      <c r="I286" s="3" t="s">
        <v>879</v>
      </c>
      <c r="J286" s="3" t="s">
        <v>880</v>
      </c>
      <c r="K286" s="3" t="s">
        <v>32</v>
      </c>
      <c r="L286" s="3" t="s">
        <v>33</v>
      </c>
      <c r="M286" s="3" t="s">
        <v>881</v>
      </c>
      <c r="N286" s="3" t="s">
        <v>74</v>
      </c>
      <c r="O286" s="3" t="s">
        <v>143</v>
      </c>
      <c r="P286" s="3" t="s">
        <v>37</v>
      </c>
      <c r="Q286" s="3" t="s">
        <v>37</v>
      </c>
      <c r="R286" s="3" t="s">
        <v>38</v>
      </c>
      <c r="S286" s="3" t="s">
        <v>882</v>
      </c>
      <c r="T286" s="3" t="s">
        <v>37</v>
      </c>
      <c r="U286" s="3" t="s">
        <v>37</v>
      </c>
      <c r="V286" s="3" t="s">
        <v>37</v>
      </c>
    </row>
    <row r="287" spans="1:22" x14ac:dyDescent="0.25">
      <c r="A287" s="3" t="s">
        <v>853</v>
      </c>
      <c r="B287" s="4" t="s">
        <v>708</v>
      </c>
      <c r="C287" s="3" t="s">
        <v>709</v>
      </c>
      <c r="D287" s="5" t="s">
        <v>1001</v>
      </c>
      <c r="E287" s="3" t="s">
        <v>903</v>
      </c>
      <c r="F287" s="3" t="s">
        <v>904</v>
      </c>
      <c r="G287" s="3" t="s">
        <v>765</v>
      </c>
      <c r="H287" s="3" t="s">
        <v>49</v>
      </c>
      <c r="I287" s="3" t="s">
        <v>37</v>
      </c>
      <c r="J287" s="3" t="s">
        <v>1469</v>
      </c>
      <c r="K287" s="3" t="s">
        <v>32</v>
      </c>
      <c r="L287" s="3" t="s">
        <v>33</v>
      </c>
      <c r="M287" s="3" t="s">
        <v>67</v>
      </c>
      <c r="N287" s="3" t="s">
        <v>74</v>
      </c>
      <c r="O287" s="3" t="s">
        <v>179</v>
      </c>
      <c r="P287" s="3" t="s">
        <v>37</v>
      </c>
      <c r="Q287" s="3" t="s">
        <v>37</v>
      </c>
      <c r="R287" s="3" t="s">
        <v>38</v>
      </c>
      <c r="S287" s="3" t="s">
        <v>1470</v>
      </c>
      <c r="T287" s="3" t="s">
        <v>37</v>
      </c>
      <c r="U287" s="3" t="s">
        <v>37</v>
      </c>
      <c r="V287" s="3" t="s">
        <v>37</v>
      </c>
    </row>
    <row r="288" spans="1:22" x14ac:dyDescent="0.25">
      <c r="A288" s="3" t="s">
        <v>853</v>
      </c>
      <c r="B288" s="4" t="s">
        <v>708</v>
      </c>
      <c r="C288" s="3" t="s">
        <v>709</v>
      </c>
      <c r="D288" s="5" t="s">
        <v>1002</v>
      </c>
      <c r="E288" s="3" t="s">
        <v>1471</v>
      </c>
      <c r="F288" s="3" t="s">
        <v>1472</v>
      </c>
      <c r="G288" s="3" t="s">
        <v>288</v>
      </c>
      <c r="H288" s="3" t="s">
        <v>29</v>
      </c>
      <c r="I288" s="3" t="s">
        <v>1473</v>
      </c>
      <c r="J288" s="3" t="s">
        <v>1474</v>
      </c>
      <c r="K288" s="3" t="s">
        <v>32</v>
      </c>
      <c r="L288" s="3" t="s">
        <v>33</v>
      </c>
      <c r="M288" s="3" t="s">
        <v>67</v>
      </c>
      <c r="N288" s="3" t="s">
        <v>533</v>
      </c>
      <c r="O288" s="3" t="s">
        <v>179</v>
      </c>
      <c r="P288" s="3" t="s">
        <v>37</v>
      </c>
      <c r="Q288" s="3" t="s">
        <v>37</v>
      </c>
      <c r="R288" s="3" t="s">
        <v>38</v>
      </c>
      <c r="S288" s="3" t="s">
        <v>1475</v>
      </c>
      <c r="T288" s="3" t="s">
        <v>37</v>
      </c>
      <c r="U288" s="3" t="s">
        <v>37</v>
      </c>
      <c r="V288" s="3" t="s">
        <v>37</v>
      </c>
    </row>
    <row r="289" spans="1:22" x14ac:dyDescent="0.25">
      <c r="A289" s="3" t="s">
        <v>853</v>
      </c>
      <c r="B289" s="4" t="s">
        <v>708</v>
      </c>
      <c r="C289" s="3" t="s">
        <v>709</v>
      </c>
      <c r="D289" s="5" t="s">
        <v>1006</v>
      </c>
      <c r="E289" s="3" t="s">
        <v>1255</v>
      </c>
      <c r="F289" s="3" t="s">
        <v>1476</v>
      </c>
      <c r="G289" s="3" t="s">
        <v>49</v>
      </c>
      <c r="H289" s="3" t="s">
        <v>65</v>
      </c>
      <c r="I289" s="3" t="s">
        <v>37</v>
      </c>
      <c r="J289" s="3" t="s">
        <v>1257</v>
      </c>
      <c r="K289" s="3" t="s">
        <v>32</v>
      </c>
      <c r="L289" s="3" t="s">
        <v>33</v>
      </c>
      <c r="M289" s="3" t="s">
        <v>67</v>
      </c>
      <c r="N289" s="3" t="s">
        <v>74</v>
      </c>
      <c r="O289" s="3" t="s">
        <v>179</v>
      </c>
      <c r="P289" s="3" t="s">
        <v>37</v>
      </c>
      <c r="Q289" s="3" t="s">
        <v>37</v>
      </c>
      <c r="R289" s="3" t="s">
        <v>38</v>
      </c>
      <c r="S289" s="3" t="s">
        <v>1477</v>
      </c>
      <c r="T289" s="3" t="s">
        <v>37</v>
      </c>
      <c r="U289" s="3" t="s">
        <v>37</v>
      </c>
      <c r="V289" s="3" t="s">
        <v>37</v>
      </c>
    </row>
    <row r="290" spans="1:22" x14ac:dyDescent="0.25">
      <c r="A290" s="3" t="s">
        <v>853</v>
      </c>
      <c r="B290" s="4" t="s">
        <v>708</v>
      </c>
      <c r="C290" s="3" t="s">
        <v>709</v>
      </c>
      <c r="D290" s="5" t="s">
        <v>1261</v>
      </c>
      <c r="E290" s="3" t="s">
        <v>499</v>
      </c>
      <c r="F290" s="3" t="s">
        <v>1478</v>
      </c>
      <c r="G290" s="3" t="s">
        <v>58</v>
      </c>
      <c r="H290" s="3" t="s">
        <v>49</v>
      </c>
      <c r="I290" s="3" t="s">
        <v>502</v>
      </c>
      <c r="J290" s="3" t="s">
        <v>1479</v>
      </c>
      <c r="K290" s="3" t="s">
        <v>32</v>
      </c>
      <c r="L290" s="3" t="s">
        <v>33</v>
      </c>
      <c r="M290" s="3" t="s">
        <v>34</v>
      </c>
      <c r="N290" s="3" t="s">
        <v>74</v>
      </c>
      <c r="O290" s="3" t="s">
        <v>179</v>
      </c>
      <c r="P290" s="3" t="s">
        <v>37</v>
      </c>
      <c r="Q290" s="3" t="s">
        <v>37</v>
      </c>
      <c r="R290" s="3" t="s">
        <v>38</v>
      </c>
      <c r="S290" s="3" t="s">
        <v>1480</v>
      </c>
      <c r="T290" s="3" t="s">
        <v>37</v>
      </c>
      <c r="U290" s="3" t="s">
        <v>37</v>
      </c>
      <c r="V290" s="3" t="s">
        <v>37</v>
      </c>
    </row>
    <row r="291" spans="1:22" x14ac:dyDescent="0.25">
      <c r="A291" s="3" t="s">
        <v>853</v>
      </c>
      <c r="B291" s="4" t="s">
        <v>708</v>
      </c>
      <c r="C291" s="3" t="s">
        <v>709</v>
      </c>
      <c r="D291" s="5" t="s">
        <v>1012</v>
      </c>
      <c r="E291" s="3" t="s">
        <v>1013</v>
      </c>
      <c r="F291" s="3" t="s">
        <v>1481</v>
      </c>
      <c r="G291" s="3" t="s">
        <v>546</v>
      </c>
      <c r="H291" s="3" t="s">
        <v>65</v>
      </c>
      <c r="I291" s="3" t="s">
        <v>1015</v>
      </c>
      <c r="J291" s="3" t="s">
        <v>1482</v>
      </c>
      <c r="K291" s="3" t="s">
        <v>32</v>
      </c>
      <c r="L291" s="3" t="s">
        <v>33</v>
      </c>
      <c r="M291" s="3" t="s">
        <v>67</v>
      </c>
      <c r="N291" s="3" t="s">
        <v>35</v>
      </c>
      <c r="O291" s="3" t="s">
        <v>53</v>
      </c>
      <c r="P291" s="3" t="s">
        <v>37</v>
      </c>
      <c r="Q291" s="3" t="s">
        <v>37</v>
      </c>
      <c r="R291" s="3" t="s">
        <v>38</v>
      </c>
      <c r="S291" s="3" t="s">
        <v>1483</v>
      </c>
      <c r="T291" s="3" t="s">
        <v>37</v>
      </c>
      <c r="U291" s="3" t="s">
        <v>37</v>
      </c>
      <c r="V291" s="3" t="s">
        <v>37</v>
      </c>
    </row>
    <row r="292" spans="1:22" x14ac:dyDescent="0.25">
      <c r="A292" s="3" t="s">
        <v>853</v>
      </c>
      <c r="B292" s="4" t="s">
        <v>708</v>
      </c>
      <c r="C292" s="3" t="s">
        <v>709</v>
      </c>
      <c r="D292" s="5" t="s">
        <v>192</v>
      </c>
      <c r="E292" s="3" t="s">
        <v>1018</v>
      </c>
      <c r="F292" s="3" t="s">
        <v>1019</v>
      </c>
      <c r="G292" s="3" t="s">
        <v>480</v>
      </c>
      <c r="H292" s="3" t="s">
        <v>29</v>
      </c>
      <c r="I292" s="3" t="s">
        <v>1020</v>
      </c>
      <c r="J292" s="3" t="s">
        <v>1021</v>
      </c>
      <c r="K292" s="3" t="s">
        <v>32</v>
      </c>
      <c r="L292" s="3" t="s">
        <v>33</v>
      </c>
      <c r="M292" s="3" t="s">
        <v>67</v>
      </c>
      <c r="N292" s="3" t="s">
        <v>533</v>
      </c>
      <c r="O292" s="3" t="s">
        <v>36</v>
      </c>
      <c r="P292" s="3" t="s">
        <v>37</v>
      </c>
      <c r="Q292" s="3" t="s">
        <v>37</v>
      </c>
      <c r="R292" s="3" t="s">
        <v>38</v>
      </c>
      <c r="S292" s="3" t="s">
        <v>1022</v>
      </c>
      <c r="T292" s="3" t="s">
        <v>37</v>
      </c>
      <c r="U292" s="3" t="s">
        <v>37</v>
      </c>
      <c r="V292" s="3" t="s">
        <v>37</v>
      </c>
    </row>
    <row r="293" spans="1:22" x14ac:dyDescent="0.25">
      <c r="A293" s="3" t="s">
        <v>853</v>
      </c>
      <c r="B293" s="4" t="s">
        <v>708</v>
      </c>
      <c r="C293" s="3" t="s">
        <v>709</v>
      </c>
      <c r="D293" s="5" t="s">
        <v>1023</v>
      </c>
      <c r="E293" s="3" t="s">
        <v>1272</v>
      </c>
      <c r="F293" s="3" t="s">
        <v>1484</v>
      </c>
      <c r="G293" s="3" t="s">
        <v>1485</v>
      </c>
      <c r="H293" s="3" t="s">
        <v>325</v>
      </c>
      <c r="I293" s="3" t="s">
        <v>1486</v>
      </c>
      <c r="J293" s="3" t="s">
        <v>1487</v>
      </c>
      <c r="K293" s="3" t="s">
        <v>32</v>
      </c>
      <c r="L293" s="3" t="s">
        <v>33</v>
      </c>
      <c r="M293" s="3" t="s">
        <v>67</v>
      </c>
      <c r="N293" s="3" t="s">
        <v>117</v>
      </c>
      <c r="O293" s="3" t="s">
        <v>179</v>
      </c>
      <c r="P293" s="3" t="s">
        <v>37</v>
      </c>
      <c r="Q293" s="3" t="s">
        <v>37</v>
      </c>
      <c r="R293" s="3" t="s">
        <v>38</v>
      </c>
      <c r="S293" s="3" t="s">
        <v>1488</v>
      </c>
      <c r="T293" s="3" t="s">
        <v>37</v>
      </c>
      <c r="U293" s="3" t="s">
        <v>37</v>
      </c>
      <c r="V293" s="3" t="s">
        <v>37</v>
      </c>
    </row>
    <row r="294" spans="1:22" x14ac:dyDescent="0.25">
      <c r="A294" s="3" t="s">
        <v>853</v>
      </c>
      <c r="B294" s="4" t="s">
        <v>708</v>
      </c>
      <c r="C294" s="3" t="s">
        <v>709</v>
      </c>
      <c r="D294" s="5" t="s">
        <v>498</v>
      </c>
      <c r="E294" s="3" t="s">
        <v>877</v>
      </c>
      <c r="F294" s="3" t="s">
        <v>986</v>
      </c>
      <c r="G294" s="3" t="s">
        <v>139</v>
      </c>
      <c r="H294" s="3" t="s">
        <v>65</v>
      </c>
      <c r="I294" s="3" t="s">
        <v>879</v>
      </c>
      <c r="J294" s="8" t="s">
        <v>968</v>
      </c>
      <c r="K294" s="3" t="s">
        <v>32</v>
      </c>
      <c r="L294" s="3" t="s">
        <v>33</v>
      </c>
      <c r="M294" s="3" t="s">
        <v>881</v>
      </c>
      <c r="N294" s="3" t="s">
        <v>74</v>
      </c>
      <c r="O294" s="3" t="s">
        <v>143</v>
      </c>
      <c r="P294" s="3" t="s">
        <v>37</v>
      </c>
      <c r="Q294" s="3" t="s">
        <v>37</v>
      </c>
      <c r="R294" s="3" t="s">
        <v>38</v>
      </c>
      <c r="S294" s="3" t="s">
        <v>987</v>
      </c>
      <c r="T294" s="3" t="s">
        <v>37</v>
      </c>
      <c r="U294" s="3" t="s">
        <v>37</v>
      </c>
      <c r="V294" s="3" t="s">
        <v>37</v>
      </c>
    </row>
    <row r="295" spans="1:22" x14ac:dyDescent="0.25">
      <c r="A295" s="3" t="s">
        <v>853</v>
      </c>
      <c r="B295" s="4" t="s">
        <v>708</v>
      </c>
      <c r="C295" s="3" t="s">
        <v>709</v>
      </c>
      <c r="D295" s="5" t="s">
        <v>1281</v>
      </c>
      <c r="E295" s="3" t="s">
        <v>877</v>
      </c>
      <c r="F295" s="3" t="s">
        <v>1162</v>
      </c>
      <c r="G295" s="3" t="s">
        <v>278</v>
      </c>
      <c r="H295" s="3" t="s">
        <v>65</v>
      </c>
      <c r="I295" s="3" t="s">
        <v>879</v>
      </c>
      <c r="J295" s="8" t="s">
        <v>968</v>
      </c>
      <c r="K295" s="3" t="s">
        <v>32</v>
      </c>
      <c r="L295" s="3" t="s">
        <v>33</v>
      </c>
      <c r="M295" s="3" t="s">
        <v>881</v>
      </c>
      <c r="N295" s="3" t="s">
        <v>74</v>
      </c>
      <c r="O295" s="3" t="s">
        <v>143</v>
      </c>
      <c r="P295" s="3" t="s">
        <v>37</v>
      </c>
      <c r="Q295" s="3" t="s">
        <v>37</v>
      </c>
      <c r="R295" s="3" t="s">
        <v>38</v>
      </c>
      <c r="S295" s="3" t="s">
        <v>1163</v>
      </c>
      <c r="T295" s="3" t="s">
        <v>37</v>
      </c>
      <c r="U295" s="3" t="s">
        <v>37</v>
      </c>
      <c r="V295" s="3" t="s">
        <v>37</v>
      </c>
    </row>
    <row r="296" spans="1:22" x14ac:dyDescent="0.25">
      <c r="A296" s="3" t="s">
        <v>853</v>
      </c>
      <c r="B296" s="4" t="s">
        <v>708</v>
      </c>
      <c r="C296" s="3" t="s">
        <v>709</v>
      </c>
      <c r="D296" s="5" t="s">
        <v>1282</v>
      </c>
      <c r="E296" s="3" t="s">
        <v>877</v>
      </c>
      <c r="F296" s="3" t="s">
        <v>1399</v>
      </c>
      <c r="G296" s="3" t="s">
        <v>273</v>
      </c>
      <c r="H296" s="3" t="s">
        <v>65</v>
      </c>
      <c r="I296" s="3" t="s">
        <v>879</v>
      </c>
      <c r="J296" s="8" t="s">
        <v>968</v>
      </c>
      <c r="K296" s="3" t="s">
        <v>32</v>
      </c>
      <c r="L296" s="3" t="s">
        <v>33</v>
      </c>
      <c r="M296" s="3" t="s">
        <v>881</v>
      </c>
      <c r="N296" s="3" t="s">
        <v>74</v>
      </c>
      <c r="O296" s="3" t="s">
        <v>143</v>
      </c>
      <c r="P296" s="3" t="s">
        <v>37</v>
      </c>
      <c r="Q296" s="3" t="s">
        <v>37</v>
      </c>
      <c r="R296" s="3" t="s">
        <v>38</v>
      </c>
      <c r="S296" s="3" t="s">
        <v>1400</v>
      </c>
      <c r="T296" s="3" t="s">
        <v>37</v>
      </c>
      <c r="U296" s="3" t="s">
        <v>37</v>
      </c>
      <c r="V296" s="3" t="s">
        <v>37</v>
      </c>
    </row>
    <row r="297" spans="1:22" x14ac:dyDescent="0.25">
      <c r="A297" s="3" t="s">
        <v>853</v>
      </c>
      <c r="B297" s="4" t="s">
        <v>708</v>
      </c>
      <c r="C297" s="3" t="s">
        <v>709</v>
      </c>
      <c r="D297" s="5" t="s">
        <v>1033</v>
      </c>
      <c r="E297" s="3" t="s">
        <v>872</v>
      </c>
      <c r="F297" s="3" t="s">
        <v>873</v>
      </c>
      <c r="G297" s="3" t="s">
        <v>420</v>
      </c>
      <c r="H297" s="3" t="s">
        <v>65</v>
      </c>
      <c r="I297" s="3" t="s">
        <v>37</v>
      </c>
      <c r="J297" s="3" t="s">
        <v>874</v>
      </c>
      <c r="K297" s="3" t="s">
        <v>32</v>
      </c>
      <c r="L297" s="3" t="s">
        <v>33</v>
      </c>
      <c r="M297" s="3" t="s">
        <v>67</v>
      </c>
      <c r="N297" s="3" t="s">
        <v>52</v>
      </c>
      <c r="O297" s="3" t="s">
        <v>53</v>
      </c>
      <c r="P297" s="3" t="s">
        <v>37</v>
      </c>
      <c r="Q297" s="3" t="s">
        <v>37</v>
      </c>
      <c r="R297" s="3" t="s">
        <v>38</v>
      </c>
      <c r="S297" s="3" t="s">
        <v>875</v>
      </c>
      <c r="T297" s="3" t="s">
        <v>37</v>
      </c>
      <c r="U297" s="3" t="s">
        <v>37</v>
      </c>
      <c r="V297" s="3" t="s">
        <v>37</v>
      </c>
    </row>
    <row r="298" spans="1:22" x14ac:dyDescent="0.25">
      <c r="A298" s="3" t="s">
        <v>853</v>
      </c>
      <c r="B298" s="4" t="s">
        <v>708</v>
      </c>
      <c r="C298" s="3" t="s">
        <v>709</v>
      </c>
      <c r="D298" s="5" t="s">
        <v>212</v>
      </c>
      <c r="E298" s="3" t="s">
        <v>1489</v>
      </c>
      <c r="F298" s="3" t="s">
        <v>1490</v>
      </c>
      <c r="G298" s="3" t="s">
        <v>360</v>
      </c>
      <c r="H298" s="3" t="s">
        <v>65</v>
      </c>
      <c r="I298" s="3" t="s">
        <v>1491</v>
      </c>
      <c r="J298" s="7" t="s">
        <v>1492</v>
      </c>
      <c r="K298" s="3" t="s">
        <v>32</v>
      </c>
      <c r="L298" s="3" t="s">
        <v>33</v>
      </c>
      <c r="M298" s="3" t="s">
        <v>67</v>
      </c>
      <c r="N298" s="3" t="s">
        <v>142</v>
      </c>
      <c r="O298" s="3" t="s">
        <v>36</v>
      </c>
      <c r="P298" s="3" t="s">
        <v>37</v>
      </c>
      <c r="Q298" s="3" t="s">
        <v>37</v>
      </c>
      <c r="R298" s="3" t="s">
        <v>38</v>
      </c>
      <c r="S298" s="3" t="s">
        <v>1493</v>
      </c>
      <c r="T298" s="3" t="s">
        <v>37</v>
      </c>
      <c r="U298" s="3" t="s">
        <v>37</v>
      </c>
      <c r="V298" s="3" t="s">
        <v>37</v>
      </c>
    </row>
    <row r="299" spans="1:22" x14ac:dyDescent="0.25">
      <c r="A299" s="3" t="s">
        <v>853</v>
      </c>
      <c r="B299" s="4" t="s">
        <v>708</v>
      </c>
      <c r="C299" s="3" t="s">
        <v>709</v>
      </c>
      <c r="D299" s="5" t="s">
        <v>373</v>
      </c>
      <c r="E299" s="3" t="s">
        <v>915</v>
      </c>
      <c r="F299" s="3" t="s">
        <v>1494</v>
      </c>
      <c r="G299" s="3" t="s">
        <v>346</v>
      </c>
      <c r="H299" s="3" t="s">
        <v>65</v>
      </c>
      <c r="I299" s="3" t="s">
        <v>1495</v>
      </c>
      <c r="J299" s="3" t="s">
        <v>1496</v>
      </c>
      <c r="K299" s="3" t="s">
        <v>32</v>
      </c>
      <c r="L299" s="3" t="s">
        <v>33</v>
      </c>
      <c r="M299" s="3" t="s">
        <v>67</v>
      </c>
      <c r="N299" s="3" t="s">
        <v>142</v>
      </c>
      <c r="O299" s="3" t="s">
        <v>179</v>
      </c>
      <c r="P299" s="3" t="s">
        <v>37</v>
      </c>
      <c r="Q299" s="3" t="s">
        <v>37</v>
      </c>
      <c r="R299" s="3" t="s">
        <v>38</v>
      </c>
      <c r="S299" s="3" t="s">
        <v>1497</v>
      </c>
      <c r="T299" s="3" t="s">
        <v>37</v>
      </c>
      <c r="U299" s="3" t="s">
        <v>37</v>
      </c>
      <c r="V299" s="3" t="s">
        <v>37</v>
      </c>
    </row>
    <row r="300" spans="1:22" x14ac:dyDescent="0.25">
      <c r="A300" s="3" t="s">
        <v>853</v>
      </c>
      <c r="B300" s="4" t="s">
        <v>708</v>
      </c>
      <c r="C300" s="3" t="s">
        <v>709</v>
      </c>
      <c r="D300" s="5" t="s">
        <v>221</v>
      </c>
      <c r="E300" s="3" t="s">
        <v>499</v>
      </c>
      <c r="F300" s="3" t="s">
        <v>1037</v>
      </c>
      <c r="G300" s="3" t="s">
        <v>234</v>
      </c>
      <c r="H300" s="3" t="s">
        <v>65</v>
      </c>
      <c r="I300" s="3" t="s">
        <v>1038</v>
      </c>
      <c r="J300" s="3" t="s">
        <v>1039</v>
      </c>
      <c r="K300" s="3" t="s">
        <v>32</v>
      </c>
      <c r="L300" s="3" t="s">
        <v>1031</v>
      </c>
      <c r="M300" s="3" t="s">
        <v>34</v>
      </c>
      <c r="N300" s="3" t="s">
        <v>35</v>
      </c>
      <c r="O300" s="3" t="s">
        <v>179</v>
      </c>
      <c r="P300" s="3" t="s">
        <v>37</v>
      </c>
      <c r="Q300" s="3" t="s">
        <v>37</v>
      </c>
      <c r="R300" s="3" t="s">
        <v>38</v>
      </c>
      <c r="S300" s="3" t="s">
        <v>1040</v>
      </c>
      <c r="T300" s="3" t="s">
        <v>37</v>
      </c>
      <c r="U300" s="3" t="s">
        <v>37</v>
      </c>
      <c r="V300" s="3" t="s">
        <v>37</v>
      </c>
    </row>
    <row r="301" spans="1:22" x14ac:dyDescent="0.25">
      <c r="A301" s="3" t="s">
        <v>853</v>
      </c>
      <c r="B301" s="4" t="s">
        <v>708</v>
      </c>
      <c r="C301" s="3" t="s">
        <v>709</v>
      </c>
      <c r="D301" s="5" t="s">
        <v>1047</v>
      </c>
      <c r="E301" s="3" t="s">
        <v>1013</v>
      </c>
      <c r="F301" s="3" t="s">
        <v>1498</v>
      </c>
      <c r="G301" s="3" t="s">
        <v>64</v>
      </c>
      <c r="H301" s="3" t="s">
        <v>65</v>
      </c>
      <c r="I301" s="3" t="s">
        <v>1015</v>
      </c>
      <c r="J301" s="3" t="s">
        <v>1499</v>
      </c>
      <c r="K301" s="3" t="s">
        <v>32</v>
      </c>
      <c r="L301" s="3" t="s">
        <v>33</v>
      </c>
      <c r="M301" s="3" t="s">
        <v>67</v>
      </c>
      <c r="N301" s="3" t="s">
        <v>35</v>
      </c>
      <c r="O301" s="3" t="s">
        <v>53</v>
      </c>
      <c r="P301" s="3" t="s">
        <v>37</v>
      </c>
      <c r="Q301" s="3" t="s">
        <v>37</v>
      </c>
      <c r="R301" s="3" t="s">
        <v>38</v>
      </c>
      <c r="S301" s="3" t="s">
        <v>1500</v>
      </c>
      <c r="T301" s="3" t="s">
        <v>37</v>
      </c>
      <c r="U301" s="3" t="s">
        <v>37</v>
      </c>
      <c r="V301" s="3" t="s">
        <v>37</v>
      </c>
    </row>
    <row r="302" spans="1:22" x14ac:dyDescent="0.25">
      <c r="A302" s="3" t="s">
        <v>853</v>
      </c>
      <c r="B302" s="4" t="s">
        <v>708</v>
      </c>
      <c r="C302" s="3" t="s">
        <v>709</v>
      </c>
      <c r="D302" s="5" t="s">
        <v>226</v>
      </c>
      <c r="E302" s="3" t="s">
        <v>1018</v>
      </c>
      <c r="F302" s="3" t="s">
        <v>1501</v>
      </c>
      <c r="G302" s="3" t="s">
        <v>288</v>
      </c>
      <c r="H302" s="3" t="s">
        <v>29</v>
      </c>
      <c r="I302" s="3" t="s">
        <v>1020</v>
      </c>
      <c r="J302" s="3" t="s">
        <v>1502</v>
      </c>
      <c r="K302" s="3" t="s">
        <v>32</v>
      </c>
      <c r="L302" s="3" t="s">
        <v>33</v>
      </c>
      <c r="M302" s="3" t="s">
        <v>67</v>
      </c>
      <c r="N302" s="3" t="s">
        <v>1123</v>
      </c>
      <c r="O302" s="3" t="s">
        <v>36</v>
      </c>
      <c r="P302" s="3" t="s">
        <v>37</v>
      </c>
      <c r="Q302" s="3" t="s">
        <v>37</v>
      </c>
      <c r="R302" s="3" t="s">
        <v>38</v>
      </c>
      <c r="S302" s="3" t="s">
        <v>1503</v>
      </c>
      <c r="T302" s="3" t="s">
        <v>37</v>
      </c>
      <c r="U302" s="3" t="s">
        <v>37</v>
      </c>
      <c r="V302" s="3" t="s">
        <v>37</v>
      </c>
    </row>
    <row r="303" spans="1:22" x14ac:dyDescent="0.25">
      <c r="A303" s="3" t="s">
        <v>853</v>
      </c>
      <c r="B303" s="4" t="s">
        <v>708</v>
      </c>
      <c r="C303" s="3" t="s">
        <v>709</v>
      </c>
      <c r="D303" s="5" t="s">
        <v>1054</v>
      </c>
      <c r="E303" s="3" t="s">
        <v>866</v>
      </c>
      <c r="F303" s="3" t="s">
        <v>1504</v>
      </c>
      <c r="G303" s="3" t="s">
        <v>104</v>
      </c>
      <c r="H303" s="3" t="s">
        <v>65</v>
      </c>
      <c r="I303" s="3" t="s">
        <v>868</v>
      </c>
      <c r="J303" s="3" t="s">
        <v>1505</v>
      </c>
      <c r="K303" s="3" t="s">
        <v>32</v>
      </c>
      <c r="L303" s="3" t="s">
        <v>33</v>
      </c>
      <c r="M303" s="3" t="s">
        <v>34</v>
      </c>
      <c r="N303" s="3" t="s">
        <v>52</v>
      </c>
      <c r="O303" s="3" t="s">
        <v>53</v>
      </c>
      <c r="P303" s="3" t="s">
        <v>37</v>
      </c>
      <c r="Q303" s="3" t="s">
        <v>37</v>
      </c>
      <c r="R303" s="3" t="s">
        <v>38</v>
      </c>
      <c r="S303" s="3" t="s">
        <v>1506</v>
      </c>
      <c r="T303" s="3" t="s">
        <v>37</v>
      </c>
      <c r="U303" s="3" t="s">
        <v>37</v>
      </c>
      <c r="V303" s="3" t="s">
        <v>37</v>
      </c>
    </row>
    <row r="304" spans="1:22" x14ac:dyDescent="0.25">
      <c r="A304" s="3"/>
      <c r="B304" s="4"/>
      <c r="C304" s="3"/>
      <c r="D304" s="5"/>
      <c r="E304" s="6" t="s">
        <v>1055</v>
      </c>
      <c r="F304" s="3"/>
      <c r="G304" s="3"/>
      <c r="H304" s="3"/>
      <c r="I304" s="3"/>
      <c r="J304" s="3"/>
      <c r="K304" s="3"/>
      <c r="L304" s="3"/>
      <c r="M304" s="3"/>
      <c r="N304" s="3"/>
      <c r="O304" s="3"/>
      <c r="P304" s="3"/>
      <c r="Q304" s="3"/>
      <c r="R304" s="3"/>
      <c r="S304" s="3"/>
      <c r="T304" s="3"/>
      <c r="U304" s="3"/>
      <c r="V304" s="3"/>
    </row>
    <row r="305" spans="1:22" x14ac:dyDescent="0.25">
      <c r="A305" s="3"/>
      <c r="B305" s="4"/>
      <c r="C305" s="3"/>
      <c r="D305" s="5"/>
      <c r="E305" s="3"/>
      <c r="F305" s="3"/>
      <c r="G305" s="3"/>
      <c r="H305" s="3"/>
      <c r="I305" s="3"/>
      <c r="J305" s="3"/>
      <c r="K305" s="3"/>
      <c r="L305" s="3"/>
      <c r="M305" s="3"/>
      <c r="N305" s="3"/>
      <c r="O305" s="3"/>
      <c r="P305" s="3"/>
      <c r="Q305" s="3"/>
      <c r="R305" s="3"/>
      <c r="S305" s="3"/>
      <c r="T305" s="3"/>
      <c r="U305" s="3"/>
      <c r="V305" s="3"/>
    </row>
    <row r="306" spans="1:22" x14ac:dyDescent="0.25">
      <c r="A306" s="3" t="s">
        <v>853</v>
      </c>
      <c r="B306" s="4" t="s">
        <v>787</v>
      </c>
      <c r="C306" s="3" t="s">
        <v>788</v>
      </c>
      <c r="D306" s="5" t="s">
        <v>25</v>
      </c>
      <c r="E306" s="3" t="s">
        <v>854</v>
      </c>
      <c r="F306" s="3" t="s">
        <v>1507</v>
      </c>
      <c r="G306" s="3" t="s">
        <v>1508</v>
      </c>
      <c r="H306" s="3" t="s">
        <v>325</v>
      </c>
      <c r="I306" s="3" t="s">
        <v>1509</v>
      </c>
      <c r="J306" s="3" t="s">
        <v>1510</v>
      </c>
      <c r="K306" s="3" t="s">
        <v>32</v>
      </c>
      <c r="L306" s="3" t="s">
        <v>33</v>
      </c>
      <c r="M306" s="3" t="s">
        <v>67</v>
      </c>
      <c r="N306" s="3" t="s">
        <v>858</v>
      </c>
      <c r="O306" s="3" t="s">
        <v>179</v>
      </c>
      <c r="P306" s="3" t="s">
        <v>37</v>
      </c>
      <c r="Q306" s="3" t="s">
        <v>37</v>
      </c>
      <c r="R306" s="3" t="s">
        <v>38</v>
      </c>
      <c r="S306" s="3" t="s">
        <v>1511</v>
      </c>
      <c r="T306" s="3" t="s">
        <v>37</v>
      </c>
      <c r="U306" s="3" t="s">
        <v>37</v>
      </c>
      <c r="V306" s="3" t="s">
        <v>37</v>
      </c>
    </row>
    <row r="307" spans="1:22" x14ac:dyDescent="0.25">
      <c r="A307" s="3" t="s">
        <v>853</v>
      </c>
      <c r="B307" s="4" t="s">
        <v>787</v>
      </c>
      <c r="C307" s="3" t="s">
        <v>788</v>
      </c>
      <c r="D307" s="5" t="s">
        <v>860</v>
      </c>
      <c r="E307" s="3" t="s">
        <v>854</v>
      </c>
      <c r="F307" s="3" t="s">
        <v>1512</v>
      </c>
      <c r="G307" s="3" t="s">
        <v>1513</v>
      </c>
      <c r="H307" s="3" t="s">
        <v>325</v>
      </c>
      <c r="I307" s="3" t="s">
        <v>1380</v>
      </c>
      <c r="J307" s="3" t="s">
        <v>1514</v>
      </c>
      <c r="K307" s="3" t="s">
        <v>32</v>
      </c>
      <c r="L307" s="3" t="s">
        <v>33</v>
      </c>
      <c r="M307" s="3" t="s">
        <v>67</v>
      </c>
      <c r="N307" s="3" t="s">
        <v>858</v>
      </c>
      <c r="O307" s="3" t="s">
        <v>179</v>
      </c>
      <c r="P307" s="3" t="s">
        <v>37</v>
      </c>
      <c r="Q307" s="3" t="s">
        <v>37</v>
      </c>
      <c r="R307" s="3" t="s">
        <v>38</v>
      </c>
      <c r="S307" s="3" t="s">
        <v>1515</v>
      </c>
      <c r="T307" s="3" t="s">
        <v>37</v>
      </c>
      <c r="U307" s="3" t="s">
        <v>37</v>
      </c>
      <c r="V307" s="3" t="s">
        <v>37</v>
      </c>
    </row>
    <row r="308" spans="1:22" x14ac:dyDescent="0.25">
      <c r="A308" s="3" t="s">
        <v>853</v>
      </c>
      <c r="B308" s="4" t="s">
        <v>787</v>
      </c>
      <c r="C308" s="3" t="s">
        <v>788</v>
      </c>
      <c r="D308" s="5" t="s">
        <v>45</v>
      </c>
      <c r="E308" s="3" t="s">
        <v>877</v>
      </c>
      <c r="F308" s="3" t="s">
        <v>899</v>
      </c>
      <c r="G308" s="3" t="s">
        <v>248</v>
      </c>
      <c r="H308" s="3" t="s">
        <v>65</v>
      </c>
      <c r="I308" s="3" t="s">
        <v>879</v>
      </c>
      <c r="J308" s="3" t="s">
        <v>900</v>
      </c>
      <c r="K308" s="3" t="s">
        <v>32</v>
      </c>
      <c r="L308" s="3" t="s">
        <v>33</v>
      </c>
      <c r="M308" s="3" t="s">
        <v>881</v>
      </c>
      <c r="N308" s="3" t="s">
        <v>74</v>
      </c>
      <c r="O308" s="3" t="s">
        <v>143</v>
      </c>
      <c r="P308" s="3" t="s">
        <v>37</v>
      </c>
      <c r="Q308" s="3" t="s">
        <v>37</v>
      </c>
      <c r="R308" s="3" t="s">
        <v>38</v>
      </c>
      <c r="S308" s="3" t="s">
        <v>901</v>
      </c>
      <c r="T308" s="3" t="s">
        <v>37</v>
      </c>
      <c r="U308" s="3" t="s">
        <v>37</v>
      </c>
      <c r="V308" s="3" t="s">
        <v>37</v>
      </c>
    </row>
    <row r="309" spans="1:22" x14ac:dyDescent="0.25">
      <c r="A309" s="3" t="s">
        <v>853</v>
      </c>
      <c r="B309" s="4" t="s">
        <v>787</v>
      </c>
      <c r="C309" s="3" t="s">
        <v>788</v>
      </c>
      <c r="D309" s="5" t="s">
        <v>1164</v>
      </c>
      <c r="E309" s="3" t="s">
        <v>877</v>
      </c>
      <c r="F309" s="3" t="s">
        <v>1213</v>
      </c>
      <c r="G309" s="3" t="s">
        <v>229</v>
      </c>
      <c r="H309" s="3" t="s">
        <v>65</v>
      </c>
      <c r="I309" s="3" t="s">
        <v>879</v>
      </c>
      <c r="J309" s="3" t="s">
        <v>1214</v>
      </c>
      <c r="K309" s="3" t="s">
        <v>32</v>
      </c>
      <c r="L309" s="3" t="s">
        <v>33</v>
      </c>
      <c r="M309" s="3" t="s">
        <v>881</v>
      </c>
      <c r="N309" s="3" t="s">
        <v>74</v>
      </c>
      <c r="O309" s="3" t="s">
        <v>143</v>
      </c>
      <c r="P309" s="3" t="s">
        <v>37</v>
      </c>
      <c r="Q309" s="3" t="s">
        <v>37</v>
      </c>
      <c r="R309" s="3" t="s">
        <v>38</v>
      </c>
      <c r="S309" s="3" t="s">
        <v>1215</v>
      </c>
      <c r="T309" s="3" t="s">
        <v>37</v>
      </c>
      <c r="U309" s="3" t="s">
        <v>37</v>
      </c>
      <c r="V309" s="3" t="s">
        <v>37</v>
      </c>
    </row>
    <row r="310" spans="1:22" x14ac:dyDescent="0.25">
      <c r="A310" s="3" t="s">
        <v>853</v>
      </c>
      <c r="B310" s="4" t="s">
        <v>787</v>
      </c>
      <c r="C310" s="3" t="s">
        <v>788</v>
      </c>
      <c r="D310" s="5" t="s">
        <v>1168</v>
      </c>
      <c r="E310" s="3" t="s">
        <v>877</v>
      </c>
      <c r="F310" s="3" t="s">
        <v>1240</v>
      </c>
      <c r="G310" s="3" t="s">
        <v>115</v>
      </c>
      <c r="H310" s="3" t="s">
        <v>65</v>
      </c>
      <c r="I310" s="3" t="s">
        <v>879</v>
      </c>
      <c r="J310" s="3" t="s">
        <v>1241</v>
      </c>
      <c r="K310" s="3" t="s">
        <v>32</v>
      </c>
      <c r="L310" s="3" t="s">
        <v>33</v>
      </c>
      <c r="M310" s="3" t="s">
        <v>881</v>
      </c>
      <c r="N310" s="3" t="s">
        <v>74</v>
      </c>
      <c r="O310" s="3" t="s">
        <v>143</v>
      </c>
      <c r="P310" s="3" t="s">
        <v>37</v>
      </c>
      <c r="Q310" s="3" t="s">
        <v>37</v>
      </c>
      <c r="R310" s="3" t="s">
        <v>38</v>
      </c>
      <c r="S310" s="3" t="s">
        <v>1242</v>
      </c>
      <c r="T310" s="3" t="s">
        <v>37</v>
      </c>
      <c r="U310" s="3" t="s">
        <v>37</v>
      </c>
      <c r="V310" s="3" t="s">
        <v>37</v>
      </c>
    </row>
    <row r="311" spans="1:22" x14ac:dyDescent="0.25">
      <c r="A311" s="3" t="s">
        <v>853</v>
      </c>
      <c r="B311" s="4" t="s">
        <v>787</v>
      </c>
      <c r="C311" s="3" t="s">
        <v>788</v>
      </c>
      <c r="D311" s="5" t="s">
        <v>871</v>
      </c>
      <c r="E311" s="3" t="s">
        <v>877</v>
      </c>
      <c r="F311" s="3" t="s">
        <v>934</v>
      </c>
      <c r="G311" s="3" t="s">
        <v>65</v>
      </c>
      <c r="H311" s="3" t="s">
        <v>65</v>
      </c>
      <c r="I311" s="3" t="s">
        <v>879</v>
      </c>
      <c r="J311" s="3" t="s">
        <v>935</v>
      </c>
      <c r="K311" s="3" t="s">
        <v>32</v>
      </c>
      <c r="L311" s="3" t="s">
        <v>33</v>
      </c>
      <c r="M311" s="3" t="s">
        <v>881</v>
      </c>
      <c r="N311" s="3" t="s">
        <v>74</v>
      </c>
      <c r="O311" s="3" t="s">
        <v>143</v>
      </c>
      <c r="P311" s="3" t="s">
        <v>37</v>
      </c>
      <c r="Q311" s="3" t="s">
        <v>37</v>
      </c>
      <c r="R311" s="3" t="s">
        <v>38</v>
      </c>
      <c r="S311" s="3" t="s">
        <v>936</v>
      </c>
      <c r="T311" s="3" t="s">
        <v>37</v>
      </c>
      <c r="U311" s="3" t="s">
        <v>37</v>
      </c>
      <c r="V311" s="3" t="s">
        <v>37</v>
      </c>
    </row>
    <row r="312" spans="1:22" x14ac:dyDescent="0.25">
      <c r="A312" s="3" t="s">
        <v>853</v>
      </c>
      <c r="B312" s="4" t="s">
        <v>787</v>
      </c>
      <c r="C312" s="3" t="s">
        <v>788</v>
      </c>
      <c r="D312" s="5" t="s">
        <v>627</v>
      </c>
      <c r="E312" s="3" t="s">
        <v>877</v>
      </c>
      <c r="F312" s="3" t="s">
        <v>1222</v>
      </c>
      <c r="G312" s="3" t="s">
        <v>121</v>
      </c>
      <c r="H312" s="3" t="s">
        <v>65</v>
      </c>
      <c r="I312" s="3" t="s">
        <v>879</v>
      </c>
      <c r="J312" s="3" t="s">
        <v>1223</v>
      </c>
      <c r="K312" s="3" t="s">
        <v>32</v>
      </c>
      <c r="L312" s="3" t="s">
        <v>33</v>
      </c>
      <c r="M312" s="3" t="s">
        <v>881</v>
      </c>
      <c r="N312" s="3" t="s">
        <v>74</v>
      </c>
      <c r="O312" s="3" t="s">
        <v>143</v>
      </c>
      <c r="P312" s="3" t="s">
        <v>37</v>
      </c>
      <c r="Q312" s="3" t="s">
        <v>37</v>
      </c>
      <c r="R312" s="3" t="s">
        <v>38</v>
      </c>
      <c r="S312" s="3" t="s">
        <v>1224</v>
      </c>
      <c r="T312" s="3" t="s">
        <v>37</v>
      </c>
      <c r="U312" s="3" t="s">
        <v>37</v>
      </c>
      <c r="V312" s="3" t="s">
        <v>37</v>
      </c>
    </row>
    <row r="313" spans="1:22" x14ac:dyDescent="0.25">
      <c r="A313" s="3" t="s">
        <v>853</v>
      </c>
      <c r="B313" s="4" t="s">
        <v>787</v>
      </c>
      <c r="C313" s="3" t="s">
        <v>788</v>
      </c>
      <c r="D313" s="5" t="s">
        <v>408</v>
      </c>
      <c r="E313" s="3" t="s">
        <v>877</v>
      </c>
      <c r="F313" s="3" t="s">
        <v>1225</v>
      </c>
      <c r="G313" s="3" t="s">
        <v>288</v>
      </c>
      <c r="H313" s="3" t="s">
        <v>65</v>
      </c>
      <c r="I313" s="3" t="s">
        <v>931</v>
      </c>
      <c r="J313" s="3" t="s">
        <v>1226</v>
      </c>
      <c r="K313" s="3" t="s">
        <v>32</v>
      </c>
      <c r="L313" s="3" t="s">
        <v>33</v>
      </c>
      <c r="M313" s="3" t="s">
        <v>881</v>
      </c>
      <c r="N313" s="3" t="s">
        <v>74</v>
      </c>
      <c r="O313" s="3" t="s">
        <v>143</v>
      </c>
      <c r="P313" s="3" t="s">
        <v>37</v>
      </c>
      <c r="Q313" s="3" t="s">
        <v>37</v>
      </c>
      <c r="R313" s="3" t="s">
        <v>38</v>
      </c>
      <c r="S313" s="3" t="s">
        <v>1227</v>
      </c>
      <c r="T313" s="3" t="s">
        <v>37</v>
      </c>
      <c r="U313" s="3" t="s">
        <v>37</v>
      </c>
      <c r="V313" s="3" t="s">
        <v>37</v>
      </c>
    </row>
    <row r="314" spans="1:22" x14ac:dyDescent="0.25">
      <c r="A314" s="3" t="s">
        <v>853</v>
      </c>
      <c r="B314" s="4" t="s">
        <v>787</v>
      </c>
      <c r="C314" s="3" t="s">
        <v>788</v>
      </c>
      <c r="D314" s="5" t="s">
        <v>876</v>
      </c>
      <c r="E314" s="3" t="s">
        <v>499</v>
      </c>
      <c r="F314" s="3" t="s">
        <v>1516</v>
      </c>
      <c r="G314" s="3" t="s">
        <v>127</v>
      </c>
      <c r="H314" s="3" t="s">
        <v>49</v>
      </c>
      <c r="I314" s="3" t="s">
        <v>502</v>
      </c>
      <c r="J314" s="3" t="s">
        <v>1517</v>
      </c>
      <c r="K314" s="3" t="s">
        <v>32</v>
      </c>
      <c r="L314" s="3" t="s">
        <v>33</v>
      </c>
      <c r="M314" s="3" t="s">
        <v>34</v>
      </c>
      <c r="N314" s="3" t="s">
        <v>74</v>
      </c>
      <c r="O314" s="3" t="s">
        <v>179</v>
      </c>
      <c r="P314" s="3" t="s">
        <v>37</v>
      </c>
      <c r="Q314" s="3" t="s">
        <v>37</v>
      </c>
      <c r="R314" s="3" t="s">
        <v>38</v>
      </c>
      <c r="S314" s="3" t="s">
        <v>1518</v>
      </c>
      <c r="T314" s="3" t="s">
        <v>37</v>
      </c>
      <c r="U314" s="3" t="s">
        <v>37</v>
      </c>
      <c r="V314" s="3" t="s">
        <v>37</v>
      </c>
    </row>
    <row r="315" spans="1:22" x14ac:dyDescent="0.25">
      <c r="A315" s="3" t="s">
        <v>853</v>
      </c>
      <c r="B315" s="4" t="s">
        <v>787</v>
      </c>
      <c r="C315" s="3" t="s">
        <v>788</v>
      </c>
      <c r="D315" s="5" t="s">
        <v>891</v>
      </c>
      <c r="E315" s="3" t="s">
        <v>872</v>
      </c>
      <c r="F315" s="3" t="s">
        <v>1318</v>
      </c>
      <c r="G315" s="3" t="s">
        <v>229</v>
      </c>
      <c r="H315" s="3" t="s">
        <v>65</v>
      </c>
      <c r="I315" s="3" t="s">
        <v>37</v>
      </c>
      <c r="J315" s="7" t="s">
        <v>1319</v>
      </c>
      <c r="K315" s="3" t="s">
        <v>32</v>
      </c>
      <c r="L315" s="3" t="s">
        <v>33</v>
      </c>
      <c r="M315" s="3" t="s">
        <v>67</v>
      </c>
      <c r="N315" s="3" t="s">
        <v>52</v>
      </c>
      <c r="O315" s="3" t="s">
        <v>53</v>
      </c>
      <c r="P315" s="3" t="s">
        <v>37</v>
      </c>
      <c r="Q315" s="3" t="s">
        <v>37</v>
      </c>
      <c r="R315" s="3" t="s">
        <v>38</v>
      </c>
      <c r="S315" s="3" t="s">
        <v>1320</v>
      </c>
      <c r="T315" s="3" t="s">
        <v>37</v>
      </c>
      <c r="U315" s="3" t="s">
        <v>37</v>
      </c>
      <c r="V315" s="3" t="s">
        <v>37</v>
      </c>
    </row>
    <row r="316" spans="1:22" x14ac:dyDescent="0.25">
      <c r="A316" s="3" t="s">
        <v>853</v>
      </c>
      <c r="B316" s="4" t="s">
        <v>787</v>
      </c>
      <c r="C316" s="3" t="s">
        <v>788</v>
      </c>
      <c r="D316" s="5" t="s">
        <v>902</v>
      </c>
      <c r="E316" s="3" t="s">
        <v>1519</v>
      </c>
      <c r="F316" s="3" t="s">
        <v>37</v>
      </c>
      <c r="G316" s="3">
        <v>1</v>
      </c>
      <c r="H316" s="3">
        <v>0</v>
      </c>
      <c r="I316" s="3" t="s">
        <v>1025</v>
      </c>
      <c r="J316" s="3" t="s">
        <v>1520</v>
      </c>
      <c r="K316" s="3" t="s">
        <v>33</v>
      </c>
      <c r="L316" s="3" t="s">
        <v>33</v>
      </c>
      <c r="M316" s="3" t="s">
        <v>67</v>
      </c>
      <c r="N316" s="3" t="s">
        <v>1123</v>
      </c>
      <c r="O316" s="3" t="s">
        <v>706</v>
      </c>
      <c r="P316" s="3" t="s">
        <v>37</v>
      </c>
      <c r="Q316" s="3" t="s">
        <v>37</v>
      </c>
      <c r="R316" s="3" t="s">
        <v>38</v>
      </c>
      <c r="S316" s="3" t="s">
        <v>1521</v>
      </c>
      <c r="T316" s="3" t="s">
        <v>37</v>
      </c>
      <c r="U316" s="3" t="s">
        <v>37</v>
      </c>
      <c r="V316" s="3" t="s">
        <v>37</v>
      </c>
    </row>
    <row r="317" spans="1:22" x14ac:dyDescent="0.25">
      <c r="A317" s="3" t="s">
        <v>853</v>
      </c>
      <c r="B317" s="4" t="s">
        <v>787</v>
      </c>
      <c r="C317" s="3" t="s">
        <v>788</v>
      </c>
      <c r="D317" s="5" t="s">
        <v>910</v>
      </c>
      <c r="E317" s="3" t="s">
        <v>872</v>
      </c>
      <c r="F317" s="3" t="s">
        <v>998</v>
      </c>
      <c r="G317" s="3" t="s">
        <v>64</v>
      </c>
      <c r="H317" s="3" t="s">
        <v>65</v>
      </c>
      <c r="I317" s="3" t="s">
        <v>37</v>
      </c>
      <c r="J317" s="3" t="s">
        <v>999</v>
      </c>
      <c r="K317" s="3" t="s">
        <v>32</v>
      </c>
      <c r="L317" s="3" t="s">
        <v>33</v>
      </c>
      <c r="M317" s="3" t="s">
        <v>67</v>
      </c>
      <c r="N317" s="3" t="s">
        <v>52</v>
      </c>
      <c r="O317" s="3" t="s">
        <v>53</v>
      </c>
      <c r="P317" s="3" t="s">
        <v>37</v>
      </c>
      <c r="Q317" s="3" t="s">
        <v>37</v>
      </c>
      <c r="R317" s="3" t="s">
        <v>38</v>
      </c>
      <c r="S317" s="3" t="s">
        <v>1000</v>
      </c>
      <c r="T317" s="3" t="s">
        <v>37</v>
      </c>
      <c r="U317" s="3" t="s">
        <v>37</v>
      </c>
      <c r="V317" s="3" t="s">
        <v>37</v>
      </c>
    </row>
    <row r="318" spans="1:22" x14ac:dyDescent="0.25">
      <c r="A318" s="3" t="s">
        <v>853</v>
      </c>
      <c r="B318" s="4" t="s">
        <v>787</v>
      </c>
      <c r="C318" s="3" t="s">
        <v>788</v>
      </c>
      <c r="D318" s="5" t="s">
        <v>914</v>
      </c>
      <c r="E318" s="3" t="s">
        <v>872</v>
      </c>
      <c r="F318" s="3" t="s">
        <v>1067</v>
      </c>
      <c r="G318" s="3" t="s">
        <v>293</v>
      </c>
      <c r="H318" s="3" t="s">
        <v>65</v>
      </c>
      <c r="I318" s="3" t="s">
        <v>37</v>
      </c>
      <c r="J318" s="3" t="s">
        <v>1068</v>
      </c>
      <c r="K318" s="3" t="s">
        <v>32</v>
      </c>
      <c r="L318" s="3" t="s">
        <v>33</v>
      </c>
      <c r="M318" s="3" t="s">
        <v>67</v>
      </c>
      <c r="N318" s="3" t="s">
        <v>52</v>
      </c>
      <c r="O318" s="3" t="s">
        <v>53</v>
      </c>
      <c r="P318" s="3" t="s">
        <v>37</v>
      </c>
      <c r="Q318" s="3" t="s">
        <v>37</v>
      </c>
      <c r="R318" s="3" t="s">
        <v>38</v>
      </c>
      <c r="S318" s="3" t="s">
        <v>1069</v>
      </c>
      <c r="T318" s="3" t="s">
        <v>37</v>
      </c>
      <c r="U318" s="3" t="s">
        <v>37</v>
      </c>
      <c r="V318" s="3" t="s">
        <v>37</v>
      </c>
    </row>
    <row r="319" spans="1:22" x14ac:dyDescent="0.25">
      <c r="A319" s="3" t="s">
        <v>853</v>
      </c>
      <c r="B319" s="4" t="s">
        <v>787</v>
      </c>
      <c r="C319" s="3" t="s">
        <v>788</v>
      </c>
      <c r="D319" s="5" t="s">
        <v>102</v>
      </c>
      <c r="E319" s="3" t="s">
        <v>872</v>
      </c>
      <c r="F319" s="3" t="s">
        <v>1522</v>
      </c>
      <c r="G319" s="3" t="s">
        <v>346</v>
      </c>
      <c r="H319" s="3" t="s">
        <v>65</v>
      </c>
      <c r="I319" s="3" t="s">
        <v>37</v>
      </c>
      <c r="J319" s="3" t="s">
        <v>1523</v>
      </c>
      <c r="K319" s="3" t="s">
        <v>32</v>
      </c>
      <c r="L319" s="3" t="s">
        <v>33</v>
      </c>
      <c r="M319" s="3" t="s">
        <v>67</v>
      </c>
      <c r="N319" s="3" t="s">
        <v>52</v>
      </c>
      <c r="O319" s="3" t="s">
        <v>53</v>
      </c>
      <c r="P319" s="3" t="s">
        <v>37</v>
      </c>
      <c r="Q319" s="3" t="s">
        <v>37</v>
      </c>
      <c r="R319" s="3" t="s">
        <v>38</v>
      </c>
      <c r="S319" s="3" t="s">
        <v>1524</v>
      </c>
      <c r="T319" s="3" t="s">
        <v>37</v>
      </c>
      <c r="U319" s="3" t="s">
        <v>37</v>
      </c>
      <c r="V319" s="3" t="s">
        <v>37</v>
      </c>
    </row>
    <row r="320" spans="1:22" x14ac:dyDescent="0.25">
      <c r="A320" s="3" t="s">
        <v>853</v>
      </c>
      <c r="B320" s="4" t="s">
        <v>787</v>
      </c>
      <c r="C320" s="3" t="s">
        <v>788</v>
      </c>
      <c r="D320" s="5" t="s">
        <v>1194</v>
      </c>
      <c r="E320" s="3" t="s">
        <v>872</v>
      </c>
      <c r="F320" s="3" t="s">
        <v>1188</v>
      </c>
      <c r="G320" s="3" t="s">
        <v>379</v>
      </c>
      <c r="H320" s="3" t="s">
        <v>65</v>
      </c>
      <c r="I320" s="3" t="s">
        <v>37</v>
      </c>
      <c r="J320" s="3" t="s">
        <v>1189</v>
      </c>
      <c r="K320" s="3" t="s">
        <v>32</v>
      </c>
      <c r="L320" s="3" t="s">
        <v>33</v>
      </c>
      <c r="M320" s="3" t="s">
        <v>67</v>
      </c>
      <c r="N320" s="3" t="s">
        <v>52</v>
      </c>
      <c r="O320" s="3" t="s">
        <v>53</v>
      </c>
      <c r="P320" s="3" t="s">
        <v>37</v>
      </c>
      <c r="Q320" s="3" t="s">
        <v>37</v>
      </c>
      <c r="R320" s="3" t="s">
        <v>38</v>
      </c>
      <c r="S320" s="3" t="s">
        <v>1190</v>
      </c>
      <c r="T320" s="3" t="s">
        <v>37</v>
      </c>
      <c r="U320" s="3" t="s">
        <v>37</v>
      </c>
      <c r="V320" s="3" t="s">
        <v>37</v>
      </c>
    </row>
    <row r="321" spans="1:22" x14ac:dyDescent="0.25">
      <c r="A321" s="3" t="s">
        <v>853</v>
      </c>
      <c r="B321" s="4" t="s">
        <v>787</v>
      </c>
      <c r="C321" s="3" t="s">
        <v>788</v>
      </c>
      <c r="D321" s="5" t="s">
        <v>925</v>
      </c>
      <c r="E321" s="3" t="s">
        <v>499</v>
      </c>
      <c r="F321" s="3" t="s">
        <v>1525</v>
      </c>
      <c r="G321" s="3" t="s">
        <v>319</v>
      </c>
      <c r="H321" s="3" t="s">
        <v>49</v>
      </c>
      <c r="I321" s="3" t="s">
        <v>502</v>
      </c>
      <c r="J321" s="3" t="s">
        <v>1526</v>
      </c>
      <c r="K321" s="3" t="s">
        <v>32</v>
      </c>
      <c r="L321" s="3" t="s">
        <v>33</v>
      </c>
      <c r="M321" s="3" t="s">
        <v>34</v>
      </c>
      <c r="N321" s="3" t="s">
        <v>74</v>
      </c>
      <c r="O321" s="3" t="s">
        <v>179</v>
      </c>
      <c r="P321" s="3" t="s">
        <v>37</v>
      </c>
      <c r="Q321" s="3" t="s">
        <v>37</v>
      </c>
      <c r="R321" s="3" t="s">
        <v>38</v>
      </c>
      <c r="S321" s="3" t="s">
        <v>1527</v>
      </c>
      <c r="T321" s="3" t="s">
        <v>37</v>
      </c>
      <c r="U321" s="3" t="s">
        <v>37</v>
      </c>
      <c r="V321" s="3" t="s">
        <v>37</v>
      </c>
    </row>
    <row r="322" spans="1:22" x14ac:dyDescent="0.25">
      <c r="A322" s="3" t="s">
        <v>853</v>
      </c>
      <c r="B322" s="4" t="s">
        <v>787</v>
      </c>
      <c r="C322" s="3" t="s">
        <v>788</v>
      </c>
      <c r="D322" s="5" t="s">
        <v>937</v>
      </c>
      <c r="E322" s="3" t="s">
        <v>499</v>
      </c>
      <c r="F322" s="3" t="s">
        <v>1528</v>
      </c>
      <c r="G322" s="3" t="s">
        <v>609</v>
      </c>
      <c r="H322" s="3" t="s">
        <v>49</v>
      </c>
      <c r="I322" s="3" t="s">
        <v>502</v>
      </c>
      <c r="J322" s="3" t="s">
        <v>1529</v>
      </c>
      <c r="K322" s="3" t="s">
        <v>32</v>
      </c>
      <c r="L322" s="3" t="s">
        <v>33</v>
      </c>
      <c r="M322" s="3" t="s">
        <v>34</v>
      </c>
      <c r="N322" s="3" t="s">
        <v>74</v>
      </c>
      <c r="O322" s="3" t="s">
        <v>179</v>
      </c>
      <c r="P322" s="3" t="s">
        <v>37</v>
      </c>
      <c r="Q322" s="3" t="s">
        <v>37</v>
      </c>
      <c r="R322" s="3" t="s">
        <v>38</v>
      </c>
      <c r="S322" s="3" t="s">
        <v>1530</v>
      </c>
      <c r="T322" s="3" t="s">
        <v>37</v>
      </c>
      <c r="U322" s="3" t="s">
        <v>37</v>
      </c>
      <c r="V322" s="3" t="s">
        <v>37</v>
      </c>
    </row>
    <row r="323" spans="1:22" x14ac:dyDescent="0.25">
      <c r="A323" s="3" t="s">
        <v>853</v>
      </c>
      <c r="B323" s="4" t="s">
        <v>787</v>
      </c>
      <c r="C323" s="3" t="s">
        <v>788</v>
      </c>
      <c r="D323" s="5" t="s">
        <v>113</v>
      </c>
      <c r="E323" s="3" t="s">
        <v>499</v>
      </c>
      <c r="F323" s="3" t="s">
        <v>1531</v>
      </c>
      <c r="G323" s="3" t="s">
        <v>156</v>
      </c>
      <c r="H323" s="3" t="s">
        <v>49</v>
      </c>
      <c r="I323" s="3" t="s">
        <v>502</v>
      </c>
      <c r="J323" s="3" t="s">
        <v>1532</v>
      </c>
      <c r="K323" s="3" t="s">
        <v>32</v>
      </c>
      <c r="L323" s="3" t="s">
        <v>33</v>
      </c>
      <c r="M323" s="3" t="s">
        <v>34</v>
      </c>
      <c r="N323" s="3" t="s">
        <v>74</v>
      </c>
      <c r="O323" s="3" t="s">
        <v>179</v>
      </c>
      <c r="P323" s="3" t="s">
        <v>37</v>
      </c>
      <c r="Q323" s="3" t="s">
        <v>37</v>
      </c>
      <c r="R323" s="3" t="s">
        <v>38</v>
      </c>
      <c r="S323" s="3" t="s">
        <v>1533</v>
      </c>
      <c r="T323" s="3" t="s">
        <v>37</v>
      </c>
      <c r="U323" s="3" t="s">
        <v>37</v>
      </c>
      <c r="V323" s="3" t="s">
        <v>37</v>
      </c>
    </row>
    <row r="324" spans="1:22" x14ac:dyDescent="0.25">
      <c r="A324" s="3" t="s">
        <v>853</v>
      </c>
      <c r="B324" s="4" t="s">
        <v>787</v>
      </c>
      <c r="C324" s="3" t="s">
        <v>788</v>
      </c>
      <c r="D324" s="5" t="s">
        <v>458</v>
      </c>
      <c r="E324" s="3" t="s">
        <v>499</v>
      </c>
      <c r="F324" s="3" t="s">
        <v>1534</v>
      </c>
      <c r="G324" s="3" t="s">
        <v>693</v>
      </c>
      <c r="H324" s="3" t="s">
        <v>49</v>
      </c>
      <c r="I324" s="3" t="s">
        <v>502</v>
      </c>
      <c r="J324" s="3" t="s">
        <v>1535</v>
      </c>
      <c r="K324" s="3" t="s">
        <v>32</v>
      </c>
      <c r="L324" s="3" t="s">
        <v>33</v>
      </c>
      <c r="M324" s="3" t="s">
        <v>34</v>
      </c>
      <c r="N324" s="3" t="s">
        <v>74</v>
      </c>
      <c r="O324" s="3" t="s">
        <v>179</v>
      </c>
      <c r="P324" s="3" t="s">
        <v>37</v>
      </c>
      <c r="Q324" s="3" t="s">
        <v>37</v>
      </c>
      <c r="R324" s="3" t="s">
        <v>38</v>
      </c>
      <c r="S324" s="3" t="s">
        <v>1536</v>
      </c>
      <c r="T324" s="3" t="s">
        <v>37</v>
      </c>
      <c r="U324" s="3" t="s">
        <v>37</v>
      </c>
      <c r="V324" s="3" t="s">
        <v>37</v>
      </c>
    </row>
    <row r="325" spans="1:22" x14ac:dyDescent="0.25">
      <c r="A325" s="3" t="s">
        <v>853</v>
      </c>
      <c r="B325" s="4" t="s">
        <v>787</v>
      </c>
      <c r="C325" s="3" t="s">
        <v>788</v>
      </c>
      <c r="D325" s="5" t="s">
        <v>124</v>
      </c>
      <c r="E325" s="3" t="s">
        <v>877</v>
      </c>
      <c r="F325" s="3" t="s">
        <v>1172</v>
      </c>
      <c r="G325" s="3" t="s">
        <v>495</v>
      </c>
      <c r="H325" s="3" t="s">
        <v>65</v>
      </c>
      <c r="I325" s="3" t="s">
        <v>931</v>
      </c>
      <c r="J325" s="3" t="s">
        <v>1173</v>
      </c>
      <c r="K325" s="3" t="s">
        <v>32</v>
      </c>
      <c r="L325" s="3" t="s">
        <v>33</v>
      </c>
      <c r="M325" s="3" t="s">
        <v>881</v>
      </c>
      <c r="N325" s="3" t="s">
        <v>74</v>
      </c>
      <c r="O325" s="3" t="s">
        <v>143</v>
      </c>
      <c r="P325" s="3" t="s">
        <v>37</v>
      </c>
      <c r="Q325" s="3" t="s">
        <v>37</v>
      </c>
      <c r="R325" s="3" t="s">
        <v>38</v>
      </c>
      <c r="S325" s="3" t="s">
        <v>1174</v>
      </c>
      <c r="T325" s="3" t="s">
        <v>37</v>
      </c>
      <c r="U325" s="3" t="s">
        <v>37</v>
      </c>
      <c r="V325" s="3" t="s">
        <v>37</v>
      </c>
    </row>
    <row r="326" spans="1:22" x14ac:dyDescent="0.25">
      <c r="A326" s="3" t="s">
        <v>853</v>
      </c>
      <c r="B326" s="4" t="s">
        <v>787</v>
      </c>
      <c r="C326" s="3" t="s">
        <v>788</v>
      </c>
      <c r="D326" s="5" t="s">
        <v>661</v>
      </c>
      <c r="E326" s="3" t="s">
        <v>877</v>
      </c>
      <c r="F326" s="3" t="s">
        <v>1399</v>
      </c>
      <c r="G326" s="3" t="s">
        <v>273</v>
      </c>
      <c r="H326" s="3" t="s">
        <v>65</v>
      </c>
      <c r="I326" s="3" t="s">
        <v>879</v>
      </c>
      <c r="J326" s="8" t="s">
        <v>968</v>
      </c>
      <c r="K326" s="3" t="s">
        <v>32</v>
      </c>
      <c r="L326" s="3" t="s">
        <v>33</v>
      </c>
      <c r="M326" s="3" t="s">
        <v>881</v>
      </c>
      <c r="N326" s="3" t="s">
        <v>74</v>
      </c>
      <c r="O326" s="3" t="s">
        <v>143</v>
      </c>
      <c r="P326" s="3" t="s">
        <v>37</v>
      </c>
      <c r="Q326" s="3" t="s">
        <v>37</v>
      </c>
      <c r="R326" s="3" t="s">
        <v>38</v>
      </c>
      <c r="S326" s="3" t="s">
        <v>1400</v>
      </c>
      <c r="T326" s="3" t="s">
        <v>37</v>
      </c>
      <c r="U326" s="3" t="s">
        <v>37</v>
      </c>
      <c r="V326" s="3" t="s">
        <v>37</v>
      </c>
    </row>
    <row r="327" spans="1:22" x14ac:dyDescent="0.25">
      <c r="A327" s="3" t="s">
        <v>853</v>
      </c>
      <c r="B327" s="4" t="s">
        <v>787</v>
      </c>
      <c r="C327" s="3" t="s">
        <v>788</v>
      </c>
      <c r="D327" s="5" t="s">
        <v>977</v>
      </c>
      <c r="E327" s="3" t="s">
        <v>877</v>
      </c>
      <c r="F327" s="3" t="s">
        <v>1229</v>
      </c>
      <c r="G327" s="3" t="s">
        <v>89</v>
      </c>
      <c r="H327" s="3" t="s">
        <v>65</v>
      </c>
      <c r="I327" s="3" t="s">
        <v>931</v>
      </c>
      <c r="J327" s="3" t="s">
        <v>1230</v>
      </c>
      <c r="K327" s="3" t="s">
        <v>32</v>
      </c>
      <c r="L327" s="3" t="s">
        <v>33</v>
      </c>
      <c r="M327" s="3" t="s">
        <v>881</v>
      </c>
      <c r="N327" s="3" t="s">
        <v>74</v>
      </c>
      <c r="O327" s="3" t="s">
        <v>143</v>
      </c>
      <c r="P327" s="3" t="s">
        <v>37</v>
      </c>
      <c r="Q327" s="3" t="s">
        <v>37</v>
      </c>
      <c r="R327" s="3" t="s">
        <v>38</v>
      </c>
      <c r="S327" s="3" t="s">
        <v>1231</v>
      </c>
      <c r="T327" s="3" t="s">
        <v>37</v>
      </c>
      <c r="U327" s="3" t="s">
        <v>37</v>
      </c>
      <c r="V327" s="3" t="s">
        <v>37</v>
      </c>
    </row>
    <row r="328" spans="1:22" x14ac:dyDescent="0.25">
      <c r="A328" s="3" t="s">
        <v>853</v>
      </c>
      <c r="B328" s="4" t="s">
        <v>787</v>
      </c>
      <c r="C328" s="3" t="s">
        <v>788</v>
      </c>
      <c r="D328" s="5" t="s">
        <v>981</v>
      </c>
      <c r="E328" s="3" t="s">
        <v>877</v>
      </c>
      <c r="F328" s="3" t="s">
        <v>1537</v>
      </c>
      <c r="G328" s="3" t="s">
        <v>42</v>
      </c>
      <c r="H328" s="3" t="s">
        <v>65</v>
      </c>
      <c r="I328" s="3" t="s">
        <v>879</v>
      </c>
      <c r="J328" s="3" t="s">
        <v>1538</v>
      </c>
      <c r="K328" s="3" t="s">
        <v>32</v>
      </c>
      <c r="L328" s="3" t="s">
        <v>33</v>
      </c>
      <c r="M328" s="3" t="s">
        <v>881</v>
      </c>
      <c r="N328" s="3" t="s">
        <v>74</v>
      </c>
      <c r="O328" s="3" t="s">
        <v>143</v>
      </c>
      <c r="P328" s="3" t="s">
        <v>37</v>
      </c>
      <c r="Q328" s="3" t="s">
        <v>37</v>
      </c>
      <c r="R328" s="3" t="s">
        <v>38</v>
      </c>
      <c r="S328" s="3" t="s">
        <v>1539</v>
      </c>
      <c r="T328" s="3" t="s">
        <v>37</v>
      </c>
      <c r="U328" s="3" t="s">
        <v>37</v>
      </c>
      <c r="V328" s="3" t="s">
        <v>37</v>
      </c>
    </row>
    <row r="329" spans="1:22" x14ac:dyDescent="0.25">
      <c r="A329" s="3" t="s">
        <v>853</v>
      </c>
      <c r="B329" s="4" t="s">
        <v>787</v>
      </c>
      <c r="C329" s="3" t="s">
        <v>788</v>
      </c>
      <c r="D329" s="5" t="s">
        <v>985</v>
      </c>
      <c r="E329" s="3" t="s">
        <v>877</v>
      </c>
      <c r="F329" s="3" t="s">
        <v>1236</v>
      </c>
      <c r="G329" s="3" t="s">
        <v>579</v>
      </c>
      <c r="H329" s="3" t="s">
        <v>65</v>
      </c>
      <c r="I329" s="3" t="s">
        <v>879</v>
      </c>
      <c r="J329" s="3" t="s">
        <v>1237</v>
      </c>
      <c r="K329" s="3" t="s">
        <v>32</v>
      </c>
      <c r="L329" s="3" t="s">
        <v>33</v>
      </c>
      <c r="M329" s="3" t="s">
        <v>881</v>
      </c>
      <c r="N329" s="3" t="s">
        <v>74</v>
      </c>
      <c r="O329" s="3" t="s">
        <v>143</v>
      </c>
      <c r="P329" s="3" t="s">
        <v>37</v>
      </c>
      <c r="Q329" s="3" t="s">
        <v>37</v>
      </c>
      <c r="R329" s="3" t="s">
        <v>38</v>
      </c>
      <c r="S329" s="3" t="s">
        <v>1238</v>
      </c>
      <c r="T329" s="3" t="s">
        <v>37</v>
      </c>
      <c r="U329" s="3" t="s">
        <v>37</v>
      </c>
      <c r="V329" s="3" t="s">
        <v>37</v>
      </c>
    </row>
    <row r="330" spans="1:22" x14ac:dyDescent="0.25">
      <c r="A330" s="3" t="s">
        <v>853</v>
      </c>
      <c r="B330" s="4" t="s">
        <v>787</v>
      </c>
      <c r="C330" s="3" t="s">
        <v>788</v>
      </c>
      <c r="D330" s="5" t="s">
        <v>135</v>
      </c>
      <c r="E330" s="3" t="s">
        <v>877</v>
      </c>
      <c r="F330" s="3" t="s">
        <v>978</v>
      </c>
      <c r="G330" s="3" t="s">
        <v>29</v>
      </c>
      <c r="H330" s="3" t="s">
        <v>65</v>
      </c>
      <c r="I330" s="3" t="s">
        <v>879</v>
      </c>
      <c r="J330" s="3" t="s">
        <v>979</v>
      </c>
      <c r="K330" s="3" t="s">
        <v>32</v>
      </c>
      <c r="L330" s="3" t="s">
        <v>33</v>
      </c>
      <c r="M330" s="3" t="s">
        <v>881</v>
      </c>
      <c r="N330" s="3" t="s">
        <v>74</v>
      </c>
      <c r="O330" s="3" t="s">
        <v>143</v>
      </c>
      <c r="P330" s="3" t="s">
        <v>37</v>
      </c>
      <c r="Q330" s="3" t="s">
        <v>37</v>
      </c>
      <c r="R330" s="3" t="s">
        <v>38</v>
      </c>
      <c r="S330" s="3" t="s">
        <v>980</v>
      </c>
      <c r="T330" s="3" t="s">
        <v>37</v>
      </c>
      <c r="U330" s="3" t="s">
        <v>37</v>
      </c>
      <c r="V330" s="3" t="s">
        <v>37</v>
      </c>
    </row>
    <row r="331" spans="1:22" x14ac:dyDescent="0.25">
      <c r="A331" s="3" t="s">
        <v>853</v>
      </c>
      <c r="B331" s="4" t="s">
        <v>787</v>
      </c>
      <c r="C331" s="3" t="s">
        <v>788</v>
      </c>
      <c r="D331" s="5" t="s">
        <v>136</v>
      </c>
      <c r="E331" s="3" t="s">
        <v>877</v>
      </c>
      <c r="F331" s="3" t="s">
        <v>946</v>
      </c>
      <c r="G331" s="3" t="s">
        <v>420</v>
      </c>
      <c r="H331" s="3" t="s">
        <v>65</v>
      </c>
      <c r="I331" s="3" t="s">
        <v>879</v>
      </c>
      <c r="J331" s="3" t="s">
        <v>947</v>
      </c>
      <c r="K331" s="3" t="s">
        <v>32</v>
      </c>
      <c r="L331" s="3" t="s">
        <v>33</v>
      </c>
      <c r="M331" s="3" t="s">
        <v>881</v>
      </c>
      <c r="N331" s="3" t="s">
        <v>74</v>
      </c>
      <c r="O331" s="3" t="s">
        <v>143</v>
      </c>
      <c r="P331" s="3" t="s">
        <v>37</v>
      </c>
      <c r="Q331" s="3" t="s">
        <v>37</v>
      </c>
      <c r="R331" s="3" t="s">
        <v>38</v>
      </c>
      <c r="S331" s="3" t="s">
        <v>948</v>
      </c>
      <c r="T331" s="3" t="s">
        <v>37</v>
      </c>
      <c r="U331" s="3" t="s">
        <v>37</v>
      </c>
      <c r="V331" s="3" t="s">
        <v>37</v>
      </c>
    </row>
    <row r="332" spans="1:22" x14ac:dyDescent="0.25">
      <c r="A332" s="3" t="s">
        <v>853</v>
      </c>
      <c r="B332" s="4" t="s">
        <v>787</v>
      </c>
      <c r="C332" s="3" t="s">
        <v>788</v>
      </c>
      <c r="D332" s="5" t="s">
        <v>1228</v>
      </c>
      <c r="E332" s="3" t="s">
        <v>877</v>
      </c>
      <c r="F332" s="3" t="s">
        <v>1246</v>
      </c>
      <c r="G332" s="3" t="s">
        <v>501</v>
      </c>
      <c r="H332" s="3" t="s">
        <v>65</v>
      </c>
      <c r="I332" s="3" t="s">
        <v>931</v>
      </c>
      <c r="J332" s="3" t="s">
        <v>1247</v>
      </c>
      <c r="K332" s="3" t="s">
        <v>32</v>
      </c>
      <c r="L332" s="3" t="s">
        <v>33</v>
      </c>
      <c r="M332" s="3" t="s">
        <v>881</v>
      </c>
      <c r="N332" s="3" t="s">
        <v>74</v>
      </c>
      <c r="O332" s="3" t="s">
        <v>143</v>
      </c>
      <c r="P332" s="3" t="s">
        <v>37</v>
      </c>
      <c r="Q332" s="3" t="s">
        <v>37</v>
      </c>
      <c r="R332" s="3" t="s">
        <v>38</v>
      </c>
      <c r="S332" s="3" t="s">
        <v>1248</v>
      </c>
      <c r="T332" s="3" t="s">
        <v>37</v>
      </c>
      <c r="U332" s="3" t="s">
        <v>37</v>
      </c>
      <c r="V332" s="3" t="s">
        <v>37</v>
      </c>
    </row>
    <row r="333" spans="1:22" x14ac:dyDescent="0.25">
      <c r="A333" s="3" t="s">
        <v>853</v>
      </c>
      <c r="B333" s="4" t="s">
        <v>787</v>
      </c>
      <c r="C333" s="3" t="s">
        <v>788</v>
      </c>
      <c r="D333" s="5" t="s">
        <v>1232</v>
      </c>
      <c r="E333" s="3" t="s">
        <v>877</v>
      </c>
      <c r="F333" s="3" t="s">
        <v>986</v>
      </c>
      <c r="G333" s="3" t="s">
        <v>139</v>
      </c>
      <c r="H333" s="3" t="s">
        <v>65</v>
      </c>
      <c r="I333" s="3" t="s">
        <v>879</v>
      </c>
      <c r="J333" s="8" t="s">
        <v>968</v>
      </c>
      <c r="K333" s="3" t="s">
        <v>32</v>
      </c>
      <c r="L333" s="3" t="s">
        <v>33</v>
      </c>
      <c r="M333" s="3" t="s">
        <v>881</v>
      </c>
      <c r="N333" s="3" t="s">
        <v>74</v>
      </c>
      <c r="O333" s="3" t="s">
        <v>143</v>
      </c>
      <c r="P333" s="3" t="s">
        <v>37</v>
      </c>
      <c r="Q333" s="3" t="s">
        <v>37</v>
      </c>
      <c r="R333" s="3" t="s">
        <v>38</v>
      </c>
      <c r="S333" s="3" t="s">
        <v>987</v>
      </c>
      <c r="T333" s="3" t="s">
        <v>37</v>
      </c>
      <c r="U333" s="3" t="s">
        <v>37</v>
      </c>
      <c r="V333" s="3" t="s">
        <v>37</v>
      </c>
    </row>
    <row r="334" spans="1:22" x14ac:dyDescent="0.25">
      <c r="A334" s="3" t="s">
        <v>853</v>
      </c>
      <c r="B334" s="4" t="s">
        <v>787</v>
      </c>
      <c r="C334" s="3" t="s">
        <v>788</v>
      </c>
      <c r="D334" s="5" t="s">
        <v>150</v>
      </c>
      <c r="E334" s="3" t="s">
        <v>877</v>
      </c>
      <c r="F334" s="3" t="s">
        <v>1250</v>
      </c>
      <c r="G334" s="3" t="s">
        <v>99</v>
      </c>
      <c r="H334" s="3" t="s">
        <v>65</v>
      </c>
      <c r="I334" s="3" t="s">
        <v>879</v>
      </c>
      <c r="J334" s="3" t="s">
        <v>1251</v>
      </c>
      <c r="K334" s="3" t="s">
        <v>32</v>
      </c>
      <c r="L334" s="3" t="s">
        <v>33</v>
      </c>
      <c r="M334" s="3" t="s">
        <v>881</v>
      </c>
      <c r="N334" s="3" t="s">
        <v>74</v>
      </c>
      <c r="O334" s="3" t="s">
        <v>143</v>
      </c>
      <c r="P334" s="3" t="s">
        <v>37</v>
      </c>
      <c r="Q334" s="3" t="s">
        <v>37</v>
      </c>
      <c r="R334" s="3" t="s">
        <v>38</v>
      </c>
      <c r="S334" s="3" t="s">
        <v>1252</v>
      </c>
      <c r="T334" s="3" t="s">
        <v>37</v>
      </c>
      <c r="U334" s="3" t="s">
        <v>37</v>
      </c>
      <c r="V334" s="3" t="s">
        <v>37</v>
      </c>
    </row>
    <row r="335" spans="1:22" x14ac:dyDescent="0.25">
      <c r="A335" s="3" t="s">
        <v>853</v>
      </c>
      <c r="B335" s="4" t="s">
        <v>787</v>
      </c>
      <c r="C335" s="3" t="s">
        <v>788</v>
      </c>
      <c r="D335" s="5" t="s">
        <v>473</v>
      </c>
      <c r="E335" s="3" t="s">
        <v>877</v>
      </c>
      <c r="F335" s="3" t="s">
        <v>1243</v>
      </c>
      <c r="G335" s="3" t="s">
        <v>410</v>
      </c>
      <c r="H335" s="3" t="s">
        <v>65</v>
      </c>
      <c r="I335" s="3" t="s">
        <v>879</v>
      </c>
      <c r="J335" s="3" t="s">
        <v>1244</v>
      </c>
      <c r="K335" s="3" t="s">
        <v>32</v>
      </c>
      <c r="L335" s="3" t="s">
        <v>33</v>
      </c>
      <c r="M335" s="3" t="s">
        <v>881</v>
      </c>
      <c r="N335" s="3" t="s">
        <v>74</v>
      </c>
      <c r="O335" s="3" t="s">
        <v>143</v>
      </c>
      <c r="P335" s="3" t="s">
        <v>37</v>
      </c>
      <c r="Q335" s="3" t="s">
        <v>37</v>
      </c>
      <c r="R335" s="3" t="s">
        <v>38</v>
      </c>
      <c r="S335" s="3" t="s">
        <v>1245</v>
      </c>
      <c r="T335" s="3" t="s">
        <v>37</v>
      </c>
      <c r="U335" s="3" t="s">
        <v>37</v>
      </c>
      <c r="V335" s="3" t="s">
        <v>37</v>
      </c>
    </row>
    <row r="336" spans="1:22" x14ac:dyDescent="0.25">
      <c r="A336" s="3" t="s">
        <v>853</v>
      </c>
      <c r="B336" s="4" t="s">
        <v>787</v>
      </c>
      <c r="C336" s="3" t="s">
        <v>788</v>
      </c>
      <c r="D336" s="5" t="s">
        <v>1239</v>
      </c>
      <c r="E336" s="3" t="s">
        <v>877</v>
      </c>
      <c r="F336" s="3" t="s">
        <v>884</v>
      </c>
      <c r="G336" s="3" t="s">
        <v>470</v>
      </c>
      <c r="H336" s="3" t="s">
        <v>65</v>
      </c>
      <c r="I336" s="3" t="s">
        <v>879</v>
      </c>
      <c r="J336" s="3" t="s">
        <v>885</v>
      </c>
      <c r="K336" s="3" t="s">
        <v>32</v>
      </c>
      <c r="L336" s="3" t="s">
        <v>33</v>
      </c>
      <c r="M336" s="3" t="s">
        <v>881</v>
      </c>
      <c r="N336" s="3" t="s">
        <v>74</v>
      </c>
      <c r="O336" s="3" t="s">
        <v>143</v>
      </c>
      <c r="P336" s="3" t="s">
        <v>37</v>
      </c>
      <c r="Q336" s="3" t="s">
        <v>37</v>
      </c>
      <c r="R336" s="3" t="s">
        <v>38</v>
      </c>
      <c r="S336" s="3" t="s">
        <v>886</v>
      </c>
      <c r="T336" s="3" t="s">
        <v>37</v>
      </c>
      <c r="U336" s="3" t="s">
        <v>37</v>
      </c>
      <c r="V336" s="3" t="s">
        <v>37</v>
      </c>
    </row>
    <row r="337" spans="1:22" x14ac:dyDescent="0.25">
      <c r="A337" s="3" t="s">
        <v>853</v>
      </c>
      <c r="B337" s="4" t="s">
        <v>787</v>
      </c>
      <c r="C337" s="3" t="s">
        <v>788</v>
      </c>
      <c r="D337" s="5" t="s">
        <v>997</v>
      </c>
      <c r="E337" s="3" t="s">
        <v>877</v>
      </c>
      <c r="F337" s="3" t="s">
        <v>1210</v>
      </c>
      <c r="G337" s="3" t="s">
        <v>507</v>
      </c>
      <c r="H337" s="3" t="s">
        <v>65</v>
      </c>
      <c r="I337" s="3" t="s">
        <v>879</v>
      </c>
      <c r="J337" s="3" t="s">
        <v>1211</v>
      </c>
      <c r="K337" s="3" t="s">
        <v>32</v>
      </c>
      <c r="L337" s="3" t="s">
        <v>33</v>
      </c>
      <c r="M337" s="3" t="s">
        <v>881</v>
      </c>
      <c r="N337" s="3" t="s">
        <v>74</v>
      </c>
      <c r="O337" s="3" t="s">
        <v>143</v>
      </c>
      <c r="P337" s="3" t="s">
        <v>37</v>
      </c>
      <c r="Q337" s="3" t="s">
        <v>37</v>
      </c>
      <c r="R337" s="3" t="s">
        <v>38</v>
      </c>
      <c r="S337" s="3" t="s">
        <v>1212</v>
      </c>
      <c r="T337" s="3" t="s">
        <v>37</v>
      </c>
      <c r="U337" s="3" t="s">
        <v>37</v>
      </c>
      <c r="V337" s="3" t="s">
        <v>37</v>
      </c>
    </row>
    <row r="338" spans="1:22" x14ac:dyDescent="0.25">
      <c r="A338" s="3" t="s">
        <v>853</v>
      </c>
      <c r="B338" s="4" t="s">
        <v>787</v>
      </c>
      <c r="C338" s="3" t="s">
        <v>788</v>
      </c>
      <c r="D338" s="5" t="s">
        <v>159</v>
      </c>
      <c r="E338" s="3" t="s">
        <v>877</v>
      </c>
      <c r="F338" s="3" t="s">
        <v>1219</v>
      </c>
      <c r="G338" s="3" t="s">
        <v>460</v>
      </c>
      <c r="H338" s="3" t="s">
        <v>65</v>
      </c>
      <c r="I338" s="3" t="s">
        <v>879</v>
      </c>
      <c r="J338" s="3" t="s">
        <v>1220</v>
      </c>
      <c r="K338" s="3" t="s">
        <v>32</v>
      </c>
      <c r="L338" s="3" t="s">
        <v>33</v>
      </c>
      <c r="M338" s="3" t="s">
        <v>881</v>
      </c>
      <c r="N338" s="3" t="s">
        <v>74</v>
      </c>
      <c r="O338" s="3" t="s">
        <v>143</v>
      </c>
      <c r="P338" s="3" t="s">
        <v>37</v>
      </c>
      <c r="Q338" s="3" t="s">
        <v>37</v>
      </c>
      <c r="R338" s="3" t="s">
        <v>38</v>
      </c>
      <c r="S338" s="3" t="s">
        <v>1221</v>
      </c>
      <c r="T338" s="3" t="s">
        <v>37</v>
      </c>
      <c r="U338" s="3" t="s">
        <v>37</v>
      </c>
      <c r="V338" s="3" t="s">
        <v>37</v>
      </c>
    </row>
    <row r="339" spans="1:22" x14ac:dyDescent="0.25">
      <c r="A339" s="3" t="s">
        <v>853</v>
      </c>
      <c r="B339" s="4" t="s">
        <v>787</v>
      </c>
      <c r="C339" s="3" t="s">
        <v>788</v>
      </c>
      <c r="D339" s="5" t="s">
        <v>1249</v>
      </c>
      <c r="E339" s="3" t="s">
        <v>877</v>
      </c>
      <c r="F339" s="3" t="s">
        <v>988</v>
      </c>
      <c r="G339" s="3" t="s">
        <v>234</v>
      </c>
      <c r="H339" s="3" t="s">
        <v>65</v>
      </c>
      <c r="I339" s="3" t="s">
        <v>879</v>
      </c>
      <c r="J339" s="8" t="s">
        <v>968</v>
      </c>
      <c r="K339" s="3" t="s">
        <v>32</v>
      </c>
      <c r="L339" s="3" t="s">
        <v>33</v>
      </c>
      <c r="M339" s="3" t="s">
        <v>881</v>
      </c>
      <c r="N339" s="3" t="s">
        <v>74</v>
      </c>
      <c r="O339" s="3" t="s">
        <v>143</v>
      </c>
      <c r="P339" s="3" t="s">
        <v>37</v>
      </c>
      <c r="Q339" s="3" t="s">
        <v>37</v>
      </c>
      <c r="R339" s="3" t="s">
        <v>38</v>
      </c>
      <c r="S339" s="3" t="s">
        <v>989</v>
      </c>
      <c r="T339" s="3" t="s">
        <v>37</v>
      </c>
      <c r="U339" s="3" t="s">
        <v>37</v>
      </c>
      <c r="V339" s="3" t="s">
        <v>37</v>
      </c>
    </row>
    <row r="340" spans="1:22" x14ac:dyDescent="0.25">
      <c r="A340" s="3" t="s">
        <v>853</v>
      </c>
      <c r="B340" s="4" t="s">
        <v>787</v>
      </c>
      <c r="C340" s="3" t="s">
        <v>788</v>
      </c>
      <c r="D340" s="5" t="s">
        <v>1001</v>
      </c>
      <c r="E340" s="3" t="s">
        <v>903</v>
      </c>
      <c r="F340" s="3" t="s">
        <v>904</v>
      </c>
      <c r="G340" s="3" t="s">
        <v>48</v>
      </c>
      <c r="H340" s="3" t="s">
        <v>49</v>
      </c>
      <c r="I340" s="3" t="s">
        <v>37</v>
      </c>
      <c r="J340" s="7" t="s">
        <v>908</v>
      </c>
      <c r="K340" s="3" t="s">
        <v>32</v>
      </c>
      <c r="L340" s="3" t="s">
        <v>33</v>
      </c>
      <c r="M340" s="3" t="s">
        <v>67</v>
      </c>
      <c r="N340" s="3" t="s">
        <v>74</v>
      </c>
      <c r="O340" s="3" t="s">
        <v>179</v>
      </c>
      <c r="P340" s="3" t="s">
        <v>37</v>
      </c>
      <c r="Q340" s="3" t="s">
        <v>37</v>
      </c>
      <c r="R340" s="3" t="s">
        <v>38</v>
      </c>
      <c r="S340" s="3" t="s">
        <v>1540</v>
      </c>
      <c r="T340" s="3" t="s">
        <v>37</v>
      </c>
      <c r="U340" s="3" t="s">
        <v>37</v>
      </c>
      <c r="V340" s="3" t="s">
        <v>37</v>
      </c>
    </row>
    <row r="341" spans="1:22" x14ac:dyDescent="0.25">
      <c r="A341" s="3" t="s">
        <v>853</v>
      </c>
      <c r="B341" s="4" t="s">
        <v>787</v>
      </c>
      <c r="C341" s="3" t="s">
        <v>788</v>
      </c>
      <c r="D341" s="5" t="s">
        <v>1002</v>
      </c>
      <c r="E341" s="3" t="s">
        <v>1338</v>
      </c>
      <c r="F341" s="3" t="s">
        <v>1541</v>
      </c>
      <c r="G341" s="3" t="s">
        <v>1077</v>
      </c>
      <c r="H341" s="3" t="s">
        <v>29</v>
      </c>
      <c r="I341" s="3" t="s">
        <v>1542</v>
      </c>
      <c r="J341" s="3" t="s">
        <v>1543</v>
      </c>
      <c r="K341" s="3" t="s">
        <v>32</v>
      </c>
      <c r="L341" s="3" t="s">
        <v>33</v>
      </c>
      <c r="M341" s="3" t="s">
        <v>67</v>
      </c>
      <c r="N341" s="3" t="s">
        <v>52</v>
      </c>
      <c r="O341" s="3" t="s">
        <v>179</v>
      </c>
      <c r="P341" s="3" t="s">
        <v>37</v>
      </c>
      <c r="Q341" s="3" t="s">
        <v>37</v>
      </c>
      <c r="R341" s="3" t="s">
        <v>38</v>
      </c>
      <c r="S341" s="3" t="s">
        <v>1544</v>
      </c>
      <c r="T341" s="3" t="s">
        <v>37</v>
      </c>
      <c r="U341" s="3" t="s">
        <v>37</v>
      </c>
      <c r="V341" s="3" t="s">
        <v>37</v>
      </c>
    </row>
    <row r="342" spans="1:22" x14ac:dyDescent="0.25">
      <c r="A342" s="3" t="s">
        <v>853</v>
      </c>
      <c r="B342" s="4" t="s">
        <v>787</v>
      </c>
      <c r="C342" s="3" t="s">
        <v>788</v>
      </c>
      <c r="D342" s="5" t="s">
        <v>1006</v>
      </c>
      <c r="E342" s="3" t="s">
        <v>1255</v>
      </c>
      <c r="F342" s="3" t="s">
        <v>1545</v>
      </c>
      <c r="G342" s="3" t="s">
        <v>234</v>
      </c>
      <c r="H342" s="3" t="s">
        <v>65</v>
      </c>
      <c r="I342" s="3" t="s">
        <v>37</v>
      </c>
      <c r="J342" s="3" t="s">
        <v>1257</v>
      </c>
      <c r="K342" s="3" t="s">
        <v>32</v>
      </c>
      <c r="L342" s="3" t="s">
        <v>33</v>
      </c>
      <c r="M342" s="3" t="s">
        <v>67</v>
      </c>
      <c r="N342" s="3" t="s">
        <v>74</v>
      </c>
      <c r="O342" s="3" t="s">
        <v>179</v>
      </c>
      <c r="P342" s="3" t="s">
        <v>37</v>
      </c>
      <c r="Q342" s="3" t="s">
        <v>37</v>
      </c>
      <c r="R342" s="3" t="s">
        <v>38</v>
      </c>
      <c r="S342" s="3" t="s">
        <v>1546</v>
      </c>
      <c r="T342" s="3" t="s">
        <v>37</v>
      </c>
      <c r="U342" s="3" t="s">
        <v>37</v>
      </c>
      <c r="V342" s="3" t="s">
        <v>37</v>
      </c>
    </row>
    <row r="343" spans="1:22" x14ac:dyDescent="0.25">
      <c r="A343" s="3" t="s">
        <v>853</v>
      </c>
      <c r="B343" s="4" t="s">
        <v>787</v>
      </c>
      <c r="C343" s="3" t="s">
        <v>788</v>
      </c>
      <c r="D343" s="5" t="s">
        <v>1261</v>
      </c>
      <c r="E343" s="3" t="s">
        <v>499</v>
      </c>
      <c r="F343" s="3" t="s">
        <v>1547</v>
      </c>
      <c r="G343" s="3" t="s">
        <v>72</v>
      </c>
      <c r="H343" s="3" t="s">
        <v>49</v>
      </c>
      <c r="I343" s="3" t="s">
        <v>502</v>
      </c>
      <c r="J343" s="3" t="s">
        <v>1548</v>
      </c>
      <c r="K343" s="3" t="s">
        <v>32</v>
      </c>
      <c r="L343" s="3" t="s">
        <v>33</v>
      </c>
      <c r="M343" s="3" t="s">
        <v>34</v>
      </c>
      <c r="N343" s="3" t="s">
        <v>74</v>
      </c>
      <c r="O343" s="3" t="s">
        <v>179</v>
      </c>
      <c r="P343" s="3" t="s">
        <v>37</v>
      </c>
      <c r="Q343" s="3" t="s">
        <v>37</v>
      </c>
      <c r="R343" s="3" t="s">
        <v>38</v>
      </c>
      <c r="S343" s="3" t="s">
        <v>1549</v>
      </c>
      <c r="T343" s="3" t="s">
        <v>37</v>
      </c>
      <c r="U343" s="3" t="s">
        <v>37</v>
      </c>
      <c r="V343" s="3" t="s">
        <v>37</v>
      </c>
    </row>
    <row r="344" spans="1:22" x14ac:dyDescent="0.25">
      <c r="A344" s="3" t="s">
        <v>853</v>
      </c>
      <c r="B344" s="4" t="s">
        <v>787</v>
      </c>
      <c r="C344" s="3" t="s">
        <v>788</v>
      </c>
      <c r="D344" s="5" t="s">
        <v>1012</v>
      </c>
      <c r="E344" s="3" t="s">
        <v>1013</v>
      </c>
      <c r="F344" s="3" t="s">
        <v>1550</v>
      </c>
      <c r="G344" s="3" t="s">
        <v>99</v>
      </c>
      <c r="H344" s="3" t="s">
        <v>65</v>
      </c>
      <c r="I344" s="3" t="s">
        <v>1015</v>
      </c>
      <c r="J344" s="3" t="s">
        <v>1551</v>
      </c>
      <c r="K344" s="3" t="s">
        <v>32</v>
      </c>
      <c r="L344" s="3" t="s">
        <v>33</v>
      </c>
      <c r="M344" s="3" t="s">
        <v>67</v>
      </c>
      <c r="N344" s="3" t="s">
        <v>35</v>
      </c>
      <c r="O344" s="3" t="s">
        <v>53</v>
      </c>
      <c r="P344" s="3" t="s">
        <v>37</v>
      </c>
      <c r="Q344" s="3" t="s">
        <v>37</v>
      </c>
      <c r="R344" s="3" t="s">
        <v>38</v>
      </c>
      <c r="S344" s="3" t="s">
        <v>1552</v>
      </c>
      <c r="T344" s="3" t="s">
        <v>37</v>
      </c>
      <c r="U344" s="3" t="s">
        <v>37</v>
      </c>
      <c r="V344" s="3" t="s">
        <v>37</v>
      </c>
    </row>
    <row r="345" spans="1:22" x14ac:dyDescent="0.25">
      <c r="A345" s="3" t="s">
        <v>853</v>
      </c>
      <c r="B345" s="4" t="s">
        <v>787</v>
      </c>
      <c r="C345" s="3" t="s">
        <v>788</v>
      </c>
      <c r="D345" s="5" t="s">
        <v>192</v>
      </c>
      <c r="E345" s="3" t="s">
        <v>1018</v>
      </c>
      <c r="F345" s="3" t="s">
        <v>1125</v>
      </c>
      <c r="G345" s="3" t="s">
        <v>121</v>
      </c>
      <c r="H345" s="3" t="s">
        <v>29</v>
      </c>
      <c r="I345" s="3" t="s">
        <v>37</v>
      </c>
      <c r="J345" s="3" t="s">
        <v>1126</v>
      </c>
      <c r="K345" s="3" t="s">
        <v>32</v>
      </c>
      <c r="L345" s="3" t="s">
        <v>37</v>
      </c>
      <c r="M345" s="3" t="s">
        <v>67</v>
      </c>
      <c r="N345" s="3" t="s">
        <v>533</v>
      </c>
      <c r="O345" s="3" t="s">
        <v>36</v>
      </c>
      <c r="P345" s="3" t="s">
        <v>37</v>
      </c>
      <c r="Q345" s="3" t="s">
        <v>37</v>
      </c>
      <c r="R345" s="3" t="s">
        <v>38</v>
      </c>
      <c r="S345" s="3" t="s">
        <v>1127</v>
      </c>
      <c r="T345" s="3" t="s">
        <v>37</v>
      </c>
      <c r="U345" s="3" t="s">
        <v>37</v>
      </c>
      <c r="V345" s="3" t="s">
        <v>37</v>
      </c>
    </row>
    <row r="346" spans="1:22" x14ac:dyDescent="0.25">
      <c r="A346" s="3" t="s">
        <v>853</v>
      </c>
      <c r="B346" s="4" t="s">
        <v>787</v>
      </c>
      <c r="C346" s="3" t="s">
        <v>788</v>
      </c>
      <c r="D346" s="5" t="s">
        <v>1023</v>
      </c>
      <c r="E346" s="3" t="s">
        <v>1272</v>
      </c>
      <c r="F346" s="3" t="s">
        <v>1553</v>
      </c>
      <c r="G346" s="3" t="s">
        <v>1554</v>
      </c>
      <c r="H346" s="3" t="s">
        <v>325</v>
      </c>
      <c r="I346" s="3" t="s">
        <v>1486</v>
      </c>
      <c r="J346" s="3" t="s">
        <v>1555</v>
      </c>
      <c r="K346" s="3" t="s">
        <v>32</v>
      </c>
      <c r="L346" s="3" t="s">
        <v>33</v>
      </c>
      <c r="M346" s="3" t="s">
        <v>67</v>
      </c>
      <c r="N346" s="3" t="s">
        <v>117</v>
      </c>
      <c r="O346" s="3" t="s">
        <v>179</v>
      </c>
      <c r="P346" s="3" t="s">
        <v>37</v>
      </c>
      <c r="Q346" s="3" t="s">
        <v>37</v>
      </c>
      <c r="R346" s="3" t="s">
        <v>38</v>
      </c>
      <c r="S346" s="3" t="s">
        <v>1556</v>
      </c>
      <c r="T346" s="3" t="s">
        <v>37</v>
      </c>
      <c r="U346" s="3" t="s">
        <v>37</v>
      </c>
      <c r="V346" s="3" t="s">
        <v>37</v>
      </c>
    </row>
    <row r="347" spans="1:22" x14ac:dyDescent="0.25">
      <c r="A347" s="3" t="s">
        <v>853</v>
      </c>
      <c r="B347" s="4" t="s">
        <v>787</v>
      </c>
      <c r="C347" s="3" t="s">
        <v>788</v>
      </c>
      <c r="D347" s="5" t="s">
        <v>498</v>
      </c>
      <c r="E347" s="3" t="s">
        <v>877</v>
      </c>
      <c r="F347" s="3" t="s">
        <v>942</v>
      </c>
      <c r="G347" s="3" t="s">
        <v>194</v>
      </c>
      <c r="H347" s="3" t="s">
        <v>65</v>
      </c>
      <c r="I347" s="3" t="s">
        <v>879</v>
      </c>
      <c r="J347" s="3" t="s">
        <v>943</v>
      </c>
      <c r="K347" s="3" t="s">
        <v>32</v>
      </c>
      <c r="L347" s="3" t="s">
        <v>33</v>
      </c>
      <c r="M347" s="3" t="s">
        <v>881</v>
      </c>
      <c r="N347" s="3" t="s">
        <v>74</v>
      </c>
      <c r="O347" s="3" t="s">
        <v>143</v>
      </c>
      <c r="P347" s="3" t="s">
        <v>37</v>
      </c>
      <c r="Q347" s="3" t="s">
        <v>37</v>
      </c>
      <c r="R347" s="3" t="s">
        <v>38</v>
      </c>
      <c r="S347" s="3" t="s">
        <v>944</v>
      </c>
      <c r="T347" s="3" t="s">
        <v>37</v>
      </c>
      <c r="U347" s="3" t="s">
        <v>37</v>
      </c>
      <c r="V347" s="3" t="s">
        <v>37</v>
      </c>
    </row>
    <row r="348" spans="1:22" x14ac:dyDescent="0.25">
      <c r="A348" s="3" t="s">
        <v>853</v>
      </c>
      <c r="B348" s="4" t="s">
        <v>787</v>
      </c>
      <c r="C348" s="3" t="s">
        <v>788</v>
      </c>
      <c r="D348" s="5" t="s">
        <v>1281</v>
      </c>
      <c r="E348" s="3" t="s">
        <v>877</v>
      </c>
      <c r="F348" s="3" t="s">
        <v>938</v>
      </c>
      <c r="G348" s="3" t="s">
        <v>475</v>
      </c>
      <c r="H348" s="3" t="s">
        <v>65</v>
      </c>
      <c r="I348" s="3" t="s">
        <v>931</v>
      </c>
      <c r="J348" s="3" t="s">
        <v>939</v>
      </c>
      <c r="K348" s="3" t="s">
        <v>32</v>
      </c>
      <c r="L348" s="3" t="s">
        <v>33</v>
      </c>
      <c r="M348" s="3" t="s">
        <v>881</v>
      </c>
      <c r="N348" s="3" t="s">
        <v>74</v>
      </c>
      <c r="O348" s="3" t="s">
        <v>143</v>
      </c>
      <c r="P348" s="3" t="s">
        <v>37</v>
      </c>
      <c r="Q348" s="3" t="s">
        <v>37</v>
      </c>
      <c r="R348" s="3" t="s">
        <v>38</v>
      </c>
      <c r="S348" s="3" t="s">
        <v>940</v>
      </c>
      <c r="T348" s="3" t="s">
        <v>37</v>
      </c>
      <c r="U348" s="3" t="s">
        <v>37</v>
      </c>
      <c r="V348" s="3" t="s">
        <v>37</v>
      </c>
    </row>
    <row r="349" spans="1:22" x14ac:dyDescent="0.25">
      <c r="A349" s="3" t="s">
        <v>853</v>
      </c>
      <c r="B349" s="4" t="s">
        <v>787</v>
      </c>
      <c r="C349" s="3" t="s">
        <v>788</v>
      </c>
      <c r="D349" s="5" t="s">
        <v>1282</v>
      </c>
      <c r="E349" s="3" t="s">
        <v>877</v>
      </c>
      <c r="F349" s="3" t="s">
        <v>952</v>
      </c>
      <c r="G349" s="3" t="s">
        <v>575</v>
      </c>
      <c r="H349" s="3" t="s">
        <v>65</v>
      </c>
      <c r="I349" s="3" t="s">
        <v>879</v>
      </c>
      <c r="J349" s="3" t="s">
        <v>953</v>
      </c>
      <c r="K349" s="3" t="s">
        <v>32</v>
      </c>
      <c r="L349" s="3" t="s">
        <v>33</v>
      </c>
      <c r="M349" s="3" t="s">
        <v>881</v>
      </c>
      <c r="N349" s="3" t="s">
        <v>74</v>
      </c>
      <c r="O349" s="3" t="s">
        <v>143</v>
      </c>
      <c r="P349" s="3" t="s">
        <v>37</v>
      </c>
      <c r="Q349" s="3" t="s">
        <v>37</v>
      </c>
      <c r="R349" s="3" t="s">
        <v>38</v>
      </c>
      <c r="S349" s="3" t="s">
        <v>954</v>
      </c>
      <c r="T349" s="3" t="s">
        <v>37</v>
      </c>
      <c r="U349" s="3" t="s">
        <v>37</v>
      </c>
      <c r="V349" s="3" t="s">
        <v>37</v>
      </c>
    </row>
    <row r="350" spans="1:22" x14ac:dyDescent="0.25">
      <c r="A350" s="3" t="s">
        <v>853</v>
      </c>
      <c r="B350" s="4" t="s">
        <v>787</v>
      </c>
      <c r="C350" s="3" t="s">
        <v>788</v>
      </c>
      <c r="D350" s="5" t="s">
        <v>1033</v>
      </c>
      <c r="E350" s="3" t="s">
        <v>872</v>
      </c>
      <c r="F350" s="3" t="s">
        <v>1181</v>
      </c>
      <c r="G350" s="3" t="s">
        <v>582</v>
      </c>
      <c r="H350" s="3" t="s">
        <v>65</v>
      </c>
      <c r="I350" s="3" t="s">
        <v>37</v>
      </c>
      <c r="J350" s="3" t="s">
        <v>1182</v>
      </c>
      <c r="K350" s="3" t="s">
        <v>32</v>
      </c>
      <c r="L350" s="3" t="s">
        <v>33</v>
      </c>
      <c r="M350" s="3" t="s">
        <v>67</v>
      </c>
      <c r="N350" s="3" t="s">
        <v>52</v>
      </c>
      <c r="O350" s="3" t="s">
        <v>53</v>
      </c>
      <c r="P350" s="3" t="s">
        <v>37</v>
      </c>
      <c r="Q350" s="3" t="s">
        <v>37</v>
      </c>
      <c r="R350" s="3" t="s">
        <v>38</v>
      </c>
      <c r="S350" s="3" t="s">
        <v>1183</v>
      </c>
      <c r="T350" s="3" t="s">
        <v>37</v>
      </c>
      <c r="U350" s="3" t="s">
        <v>37</v>
      </c>
      <c r="V350" s="3" t="s">
        <v>37</v>
      </c>
    </row>
    <row r="351" spans="1:22" x14ac:dyDescent="0.25">
      <c r="A351" s="3" t="s">
        <v>853</v>
      </c>
      <c r="B351" s="4" t="s">
        <v>787</v>
      </c>
      <c r="C351" s="3" t="s">
        <v>788</v>
      </c>
      <c r="D351" s="5" t="s">
        <v>212</v>
      </c>
      <c r="E351" s="3" t="s">
        <v>854</v>
      </c>
      <c r="F351" s="3" t="s">
        <v>855</v>
      </c>
      <c r="G351" s="3" t="s">
        <v>94</v>
      </c>
      <c r="H351" s="3" t="s">
        <v>65</v>
      </c>
      <c r="I351" s="3" t="s">
        <v>856</v>
      </c>
      <c r="J351" s="3" t="s">
        <v>857</v>
      </c>
      <c r="K351" s="3" t="s">
        <v>32</v>
      </c>
      <c r="L351" s="3" t="s">
        <v>33</v>
      </c>
      <c r="M351" s="3" t="s">
        <v>67</v>
      </c>
      <c r="N351" s="3" t="s">
        <v>858</v>
      </c>
      <c r="O351" s="3" t="s">
        <v>179</v>
      </c>
      <c r="P351" s="3" t="s">
        <v>37</v>
      </c>
      <c r="Q351" s="3" t="s">
        <v>37</v>
      </c>
      <c r="R351" s="3" t="s">
        <v>38</v>
      </c>
      <c r="S351" s="3" t="s">
        <v>859</v>
      </c>
      <c r="T351" s="3" t="s">
        <v>37</v>
      </c>
      <c r="U351" s="3" t="s">
        <v>37</v>
      </c>
      <c r="V351" s="3" t="s">
        <v>37</v>
      </c>
    </row>
    <row r="352" spans="1:22" x14ac:dyDescent="0.25">
      <c r="A352" s="3" t="s">
        <v>853</v>
      </c>
      <c r="B352" s="4" t="s">
        <v>787</v>
      </c>
      <c r="C352" s="3" t="s">
        <v>788</v>
      </c>
      <c r="D352" s="5" t="s">
        <v>373</v>
      </c>
      <c r="E352" s="3" t="s">
        <v>915</v>
      </c>
      <c r="F352" s="3" t="s">
        <v>1557</v>
      </c>
      <c r="G352" s="3" t="s">
        <v>582</v>
      </c>
      <c r="H352" s="3" t="s">
        <v>65</v>
      </c>
      <c r="I352" s="3" t="s">
        <v>1366</v>
      </c>
      <c r="J352" s="3" t="s">
        <v>1558</v>
      </c>
      <c r="K352" s="3" t="s">
        <v>32</v>
      </c>
      <c r="L352" s="3" t="s">
        <v>33</v>
      </c>
      <c r="M352" s="3" t="s">
        <v>67</v>
      </c>
      <c r="N352" s="3" t="s">
        <v>142</v>
      </c>
      <c r="O352" s="3" t="s">
        <v>179</v>
      </c>
      <c r="P352" s="3" t="s">
        <v>37</v>
      </c>
      <c r="Q352" s="3" t="s">
        <v>37</v>
      </c>
      <c r="R352" s="3" t="s">
        <v>38</v>
      </c>
      <c r="S352" s="3" t="s">
        <v>1559</v>
      </c>
      <c r="T352" s="3" t="s">
        <v>37</v>
      </c>
      <c r="U352" s="3" t="s">
        <v>37</v>
      </c>
      <c r="V352" s="3" t="s">
        <v>37</v>
      </c>
    </row>
    <row r="353" spans="1:22" x14ac:dyDescent="0.25">
      <c r="A353" s="3" t="s">
        <v>853</v>
      </c>
      <c r="B353" s="4" t="s">
        <v>787</v>
      </c>
      <c r="C353" s="3" t="s">
        <v>788</v>
      </c>
      <c r="D353" s="5" t="s">
        <v>221</v>
      </c>
      <c r="E353" s="3" t="s">
        <v>499</v>
      </c>
      <c r="F353" s="3" t="s">
        <v>1560</v>
      </c>
      <c r="G353" s="3" t="s">
        <v>78</v>
      </c>
      <c r="H353" s="3" t="s">
        <v>49</v>
      </c>
      <c r="I353" s="3" t="s">
        <v>502</v>
      </c>
      <c r="J353" s="3" t="s">
        <v>1561</v>
      </c>
      <c r="K353" s="3" t="s">
        <v>32</v>
      </c>
      <c r="L353" s="3" t="s">
        <v>33</v>
      </c>
      <c r="M353" s="3" t="s">
        <v>34</v>
      </c>
      <c r="N353" s="3" t="s">
        <v>74</v>
      </c>
      <c r="O353" s="3" t="s">
        <v>179</v>
      </c>
      <c r="P353" s="3" t="s">
        <v>37</v>
      </c>
      <c r="Q353" s="3" t="s">
        <v>37</v>
      </c>
      <c r="R353" s="3" t="s">
        <v>38</v>
      </c>
      <c r="S353" s="3" t="s">
        <v>1562</v>
      </c>
      <c r="T353" s="3" t="s">
        <v>37</v>
      </c>
      <c r="U353" s="3" t="s">
        <v>37</v>
      </c>
      <c r="V353" s="3" t="s">
        <v>37</v>
      </c>
    </row>
    <row r="354" spans="1:22" x14ac:dyDescent="0.25">
      <c r="A354" s="3" t="s">
        <v>853</v>
      </c>
      <c r="B354" s="4" t="s">
        <v>787</v>
      </c>
      <c r="C354" s="3" t="s">
        <v>788</v>
      </c>
      <c r="D354" s="5" t="s">
        <v>1047</v>
      </c>
      <c r="E354" s="3" t="s">
        <v>1013</v>
      </c>
      <c r="F354" s="3" t="s">
        <v>1014</v>
      </c>
      <c r="G354" s="3" t="s">
        <v>293</v>
      </c>
      <c r="H354" s="3" t="s">
        <v>65</v>
      </c>
      <c r="I354" s="3" t="s">
        <v>1015</v>
      </c>
      <c r="J354" s="3" t="s">
        <v>1016</v>
      </c>
      <c r="K354" s="3" t="s">
        <v>32</v>
      </c>
      <c r="L354" s="3" t="s">
        <v>33</v>
      </c>
      <c r="M354" s="3" t="s">
        <v>67</v>
      </c>
      <c r="N354" s="3" t="s">
        <v>35</v>
      </c>
      <c r="O354" s="3" t="s">
        <v>53</v>
      </c>
      <c r="P354" s="3" t="s">
        <v>37</v>
      </c>
      <c r="Q354" s="3" t="s">
        <v>37</v>
      </c>
      <c r="R354" s="3" t="s">
        <v>38</v>
      </c>
      <c r="S354" s="3" t="s">
        <v>1017</v>
      </c>
      <c r="T354" s="3" t="s">
        <v>37</v>
      </c>
      <c r="U354" s="3" t="s">
        <v>37</v>
      </c>
      <c r="V354" s="3" t="s">
        <v>37</v>
      </c>
    </row>
    <row r="355" spans="1:22" x14ac:dyDescent="0.25">
      <c r="A355" s="3" t="s">
        <v>853</v>
      </c>
      <c r="B355" s="4" t="s">
        <v>787</v>
      </c>
      <c r="C355" s="3" t="s">
        <v>788</v>
      </c>
      <c r="D355" s="5" t="s">
        <v>226</v>
      </c>
      <c r="E355" s="3" t="s">
        <v>1018</v>
      </c>
      <c r="F355" s="3" t="s">
        <v>1563</v>
      </c>
      <c r="G355" s="3" t="s">
        <v>524</v>
      </c>
      <c r="H355" s="3" t="s">
        <v>29</v>
      </c>
      <c r="I355" s="3" t="s">
        <v>1025</v>
      </c>
      <c r="J355" s="3" t="s">
        <v>1564</v>
      </c>
      <c r="K355" s="3" t="s">
        <v>32</v>
      </c>
      <c r="L355" s="3" t="s">
        <v>33</v>
      </c>
      <c r="M355" s="3" t="s">
        <v>67</v>
      </c>
      <c r="N355" s="3" t="s">
        <v>533</v>
      </c>
      <c r="O355" s="3" t="s">
        <v>36</v>
      </c>
      <c r="P355" s="3" t="s">
        <v>37</v>
      </c>
      <c r="Q355" s="3" t="s">
        <v>37</v>
      </c>
      <c r="R355" s="3" t="s">
        <v>38</v>
      </c>
      <c r="S355" s="3" t="s">
        <v>1565</v>
      </c>
      <c r="T355" s="3" t="s">
        <v>37</v>
      </c>
      <c r="U355" s="3" t="s">
        <v>37</v>
      </c>
      <c r="V355" s="3" t="s">
        <v>37</v>
      </c>
    </row>
    <row r="356" spans="1:22" x14ac:dyDescent="0.25">
      <c r="A356" s="3" t="s">
        <v>853</v>
      </c>
      <c r="B356" s="4" t="s">
        <v>787</v>
      </c>
      <c r="C356" s="3" t="s">
        <v>788</v>
      </c>
      <c r="D356" s="5" t="s">
        <v>1054</v>
      </c>
      <c r="E356" s="3" t="s">
        <v>866</v>
      </c>
      <c r="F356" s="3" t="s">
        <v>1051</v>
      </c>
      <c r="G356" s="3" t="s">
        <v>229</v>
      </c>
      <c r="H356" s="3" t="s">
        <v>65</v>
      </c>
      <c r="I356" s="3" t="s">
        <v>868</v>
      </c>
      <c r="J356" s="3" t="s">
        <v>1052</v>
      </c>
      <c r="K356" s="3" t="s">
        <v>32</v>
      </c>
      <c r="L356" s="3" t="s">
        <v>33</v>
      </c>
      <c r="M356" s="3" t="s">
        <v>34</v>
      </c>
      <c r="N356" s="3" t="s">
        <v>52</v>
      </c>
      <c r="O356" s="3" t="s">
        <v>53</v>
      </c>
      <c r="P356" s="3" t="s">
        <v>37</v>
      </c>
      <c r="Q356" s="3" t="s">
        <v>37</v>
      </c>
      <c r="R356" s="3" t="s">
        <v>38</v>
      </c>
      <c r="S356" s="3" t="s">
        <v>1053</v>
      </c>
      <c r="T356" s="3" t="s">
        <v>37</v>
      </c>
      <c r="U356" s="3" t="s">
        <v>37</v>
      </c>
      <c r="V356" s="3" t="s">
        <v>37</v>
      </c>
    </row>
    <row r="357" spans="1:22" x14ac:dyDescent="0.25">
      <c r="A357" s="3"/>
      <c r="B357" s="4"/>
      <c r="C357" s="3"/>
      <c r="D357" s="5"/>
      <c r="E357" s="6" t="s">
        <v>1055</v>
      </c>
      <c r="F357" s="3"/>
      <c r="G357" s="3"/>
      <c r="H357" s="3"/>
      <c r="I357" s="3"/>
      <c r="J357" s="3"/>
      <c r="K357" s="3"/>
      <c r="L357" s="3"/>
      <c r="M357" s="3"/>
      <c r="N357" s="3"/>
      <c r="O357" s="3"/>
      <c r="P357" s="3"/>
      <c r="Q357" s="3"/>
      <c r="R357" s="3"/>
      <c r="S357" s="3"/>
      <c r="T357" s="3"/>
      <c r="U357" s="3"/>
      <c r="V357" s="3"/>
    </row>
    <row r="358" spans="1:22" x14ac:dyDescent="0.25">
      <c r="A358" s="3"/>
      <c r="B358" s="4"/>
      <c r="C358" s="3"/>
      <c r="D358" s="5"/>
      <c r="E358" s="3"/>
      <c r="F358" s="3"/>
      <c r="G358" s="3"/>
      <c r="H358" s="3"/>
      <c r="I358" s="3"/>
      <c r="J358" s="3"/>
      <c r="K358" s="3"/>
      <c r="L358" s="3"/>
      <c r="M358" s="3"/>
      <c r="N358" s="3"/>
      <c r="O358" s="3"/>
      <c r="P358" s="3"/>
      <c r="Q358" s="3"/>
      <c r="R358" s="3"/>
      <c r="S358" s="3"/>
      <c r="T358" s="3"/>
      <c r="U358" s="3"/>
      <c r="V358" s="3"/>
    </row>
  </sheetData>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Disney Channel</vt:lpstr>
      <vt:lpstr>Disney Junior</vt:lpstr>
    </vt:vector>
  </TitlesOfParts>
  <Company>TWDC</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pp-emea-dait</dc:creator>
  <cp:lastModifiedBy>El Omari, Yasmine</cp:lastModifiedBy>
  <dcterms:created xsi:type="dcterms:W3CDTF">2014-03-14T12:11:22Z</dcterms:created>
  <dcterms:modified xsi:type="dcterms:W3CDTF">2020-11-26T13:56:38Z</dcterms:modified>
</cp:coreProperties>
</file>